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s201037\G2DRIFT\LGM\BELÆGNINGER\Slidlag 2017\Udbudsgrundlag udbud 1 februar 2017\Udbudsgrundlag arbejdsversioner\"/>
    </mc:Choice>
  </mc:AlternateContent>
  <bookViews>
    <workbookView xWindow="-105" yWindow="5925" windowWidth="19440" windowHeight="9195"/>
  </bookViews>
  <sheets>
    <sheet name="Forside" sheetId="13" r:id="rId1"/>
    <sheet name="Oplysninger" sheetId="9" r:id="rId2"/>
    <sheet name="Entreprisetilbud" sheetId="24" r:id="rId3"/>
    <sheet name="Entreprisetilbud alternativ" sheetId="28" r:id="rId4"/>
    <sheet name="Enhedspriser" sheetId="26" r:id="rId5"/>
  </sheets>
  <definedNames>
    <definedName name="Adresse" localSheetId="0">Forside!#REF!</definedName>
    <definedName name="Fax" localSheetId="0">Forside!#REF!</definedName>
    <definedName name="MailAdresse" localSheetId="0">Forside!#REF!</definedName>
    <definedName name="PostDistrikt" localSheetId="0">Forside!#REF!</definedName>
    <definedName name="Print_Area" localSheetId="4">Enhedspriser!$A$1:$C$7</definedName>
    <definedName name="Print_Area" localSheetId="2">Entreprisetilbud!$B$1:$F$37</definedName>
    <definedName name="Print_Area" localSheetId="3">'Entreprisetilbud alternativ'!$B$1:$F$37</definedName>
    <definedName name="Print_Area" localSheetId="0">Forside!$B$1:$D$49</definedName>
    <definedName name="Print_Area" localSheetId="1">Oplysninger!$B$1:$H$41</definedName>
    <definedName name="Telefon" localSheetId="0">Forside!#REF!</definedName>
    <definedName name="_xlnm.Print_Area" localSheetId="4">Enhedspriser!$A$1:$D$34</definedName>
    <definedName name="_xlnm.Print_Area" localSheetId="2">Entreprisetilbud!$A$1:$D$36</definedName>
    <definedName name="_xlnm.Print_Area" localSheetId="3">'Entreprisetilbud alternativ'!$A$1:$D$36</definedName>
    <definedName name="_xlnm.Print_Area" localSheetId="0">Forside!$A$1:$D$48</definedName>
    <definedName name="_xlnm.Print_Area" localSheetId="1">Oplysninger!$A$1:$H$40</definedName>
    <definedName name="WebAdresse" localSheetId="0">Forside!#REF!</definedName>
  </definedNames>
  <calcPr calcId="152511"/>
</workbook>
</file>

<file path=xl/sharedStrings.xml><?xml version="1.0" encoding="utf-8"?>
<sst xmlns="http://schemas.openxmlformats.org/spreadsheetml/2006/main" count="138" uniqueCount="85">
  <si>
    <t>AALBORG KOMMUNE</t>
  </si>
  <si>
    <t>(Dato)</t>
  </si>
  <si>
    <t>(Stempel)</t>
  </si>
  <si>
    <t>Stigsborg Brygge 5</t>
  </si>
  <si>
    <t>9400 Nørresundby</t>
  </si>
  <si>
    <t xml:space="preserve">  Rettelsesblad nr. 1</t>
  </si>
  <si>
    <t xml:space="preserve">  Rettelsesblad nr. 2</t>
  </si>
  <si>
    <t xml:space="preserve">  Rettelsesblad nr. 3</t>
  </si>
  <si>
    <t xml:space="preserve">Firma: </t>
  </si>
  <si>
    <t xml:space="preserve">Tlf. Nr.: </t>
  </si>
  <si>
    <t>e-mail:</t>
  </si>
  <si>
    <t>(afkryds for vedlagt)</t>
  </si>
  <si>
    <t>CVR-nr.:</t>
  </si>
  <si>
    <t>Eventuelle forbehold:</t>
  </si>
  <si>
    <t>Tilbudsliste (TBL)</t>
  </si>
  <si>
    <t>(afkryds for modtaget)</t>
  </si>
  <si>
    <t>Dokumenter i henhold til BUT afsnit 6.:</t>
  </si>
  <si>
    <t xml:space="preserve">Navn, kontaktperson: </t>
  </si>
  <si>
    <t>Pos.</t>
  </si>
  <si>
    <t>By- og Landskabsforvaltningen</t>
  </si>
  <si>
    <t>Enhedspris
kr. ekskl. moms</t>
  </si>
  <si>
    <t>Trafik &amp; Veje</t>
  </si>
  <si>
    <t>Arbejde</t>
  </si>
  <si>
    <t>Enhed</t>
  </si>
  <si>
    <t>Entreprenør (bemyndiget/legitimeret)</t>
  </si>
  <si>
    <t>stk.</t>
  </si>
  <si>
    <r>
      <t>m</t>
    </r>
    <r>
      <rPr>
        <vertAlign val="superscript"/>
        <sz val="10"/>
        <rFont val="Arial"/>
        <family val="2"/>
      </rPr>
      <t>2</t>
    </r>
  </si>
  <si>
    <t>Entreprise</t>
  </si>
  <si>
    <t>Entreprisenavn</t>
  </si>
  <si>
    <t>Pris ialt (kr. ekskl. moms)</t>
  </si>
  <si>
    <t>nr.</t>
  </si>
  <si>
    <t>(Overføres fra parceltilbud)</t>
  </si>
  <si>
    <t>Hasseris</t>
  </si>
  <si>
    <t>Aalborg Øst</t>
  </si>
  <si>
    <t>Nibe</t>
  </si>
  <si>
    <t>25% moms</t>
  </si>
  <si>
    <t>Pris ialt (inkl. moms)</t>
  </si>
  <si>
    <t>Nørresundby</t>
  </si>
  <si>
    <t>Skalborg</t>
  </si>
  <si>
    <t>Vester Hassing</t>
  </si>
  <si>
    <t>2 a)</t>
  </si>
  <si>
    <t>Planfræsning</t>
  </si>
  <si>
    <t>2 b)</t>
  </si>
  <si>
    <t>Tilslutningsfræsning</t>
  </si>
  <si>
    <t>2 c)</t>
  </si>
  <si>
    <t>Bassinfræsning:</t>
  </si>
  <si>
    <t>0 - 50</t>
  </si>
  <si>
    <t>50 - 100</t>
  </si>
  <si>
    <t>100 - 200</t>
  </si>
  <si>
    <t xml:space="preserve">200 - </t>
  </si>
  <si>
    <t>Regulering af øvrige dæksler med flydende karm (Fjv., Gas, Vand)</t>
  </si>
  <si>
    <t>Udskiftning og regulering af øvrige dæksler med fast karm (Fjv., Gas, Vand)</t>
  </si>
  <si>
    <t>10 a)</t>
  </si>
  <si>
    <t>Håndopretning</t>
  </si>
  <si>
    <t>t</t>
  </si>
  <si>
    <t>10 b)</t>
  </si>
  <si>
    <r>
      <t>Opfyldning af bassinfræsninger (90 kg/m</t>
    </r>
    <r>
      <rPr>
        <vertAlign val="superscript"/>
        <sz val="10"/>
        <rFont val="Arial"/>
        <family val="2"/>
      </rPr>
      <t>2</t>
    </r>
    <r>
      <rPr>
        <sz val="10"/>
        <rFont val="Arial"/>
        <family val="2"/>
      </rPr>
      <t>)</t>
    </r>
  </si>
  <si>
    <t>Maskinopretning</t>
  </si>
  <si>
    <t>Flytning af rendestensbrønd inkl. stikledning
i Ø110/Ø160 mm PVC-rør og tilslutninger 5-10 m længde</t>
  </si>
  <si>
    <t>Adresse:</t>
  </si>
  <si>
    <t>Regulering af kørebanedæksel med flydende karm</t>
  </si>
  <si>
    <t>Udskiftning og regulering af kørebanedæksel med fast karm</t>
  </si>
  <si>
    <t>Regulering af rendestensrist med flydende karm</t>
  </si>
  <si>
    <t>Udskiftning og regulering af rendestensrist med flydende karm</t>
  </si>
  <si>
    <t>Udskiftning og regulering af rendestensrist med fast karm</t>
  </si>
  <si>
    <t>Værftskvarteret</t>
  </si>
  <si>
    <t>Øgade-kvarteret</t>
  </si>
  <si>
    <t>Bouet</t>
  </si>
  <si>
    <t>Sofiendal</t>
  </si>
  <si>
    <t>Ny Nibevej</t>
  </si>
  <si>
    <t>Frydendal</t>
  </si>
  <si>
    <t>Rørdal</t>
  </si>
  <si>
    <t>Svenstrup</t>
  </si>
  <si>
    <t>Gultentorp</t>
  </si>
  <si>
    <t>Kochs Vase</t>
  </si>
  <si>
    <t>Komdrup-Kongerslev</t>
  </si>
  <si>
    <t>Stae</t>
  </si>
  <si>
    <t>Hals</t>
  </si>
  <si>
    <t>Redegørelse i henhold til BUT afsnit 5.4.1:</t>
  </si>
  <si>
    <t>Undertegnede entreprenør tilbyder at gennemføre entreprisen Asfaltarbejder Aalborg Kommune 2017 i henhold til Udbud, februar 2017 (dateret den 17. februar 2017) for omstående sum pr. entreprise (se næste faneblad) og de i parceltilbudslisten angivne enhedspriser (ekskl. moms).</t>
  </si>
  <si>
    <t xml:space="preserve">  Erklæringer (Bilag 1)</t>
  </si>
  <si>
    <t xml:space="preserve">  Dokumentation  for økonomisk og finansiel formåen</t>
  </si>
  <si>
    <t xml:space="preserve">  Dokumentation  for teknisk og faglig formåen</t>
  </si>
  <si>
    <t>ASFALTARBEJDER AALBORG KOMMUNE 2017</t>
  </si>
  <si>
    <t>Stolped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3" formatCode="_ * #,##0.00_ ;_ * \-#,##0.00_ ;_ * &quot;-&quot;??_ ;_ @_ "/>
  </numFmts>
  <fonts count="10" x14ac:knownFonts="1">
    <font>
      <sz val="10"/>
      <name val="Arial"/>
    </font>
    <font>
      <sz val="12"/>
      <name val="Arial"/>
      <family val="2"/>
    </font>
    <font>
      <sz val="10"/>
      <name val="Arial"/>
      <family val="2"/>
    </font>
    <font>
      <b/>
      <sz val="14"/>
      <name val="Arial"/>
      <family val="2"/>
    </font>
    <font>
      <sz val="11"/>
      <name val="Arial"/>
      <family val="2"/>
    </font>
    <font>
      <sz val="8"/>
      <name val="Arial"/>
      <family val="2"/>
    </font>
    <font>
      <b/>
      <sz val="10"/>
      <name val="Arial"/>
      <family val="2"/>
    </font>
    <font>
      <vertAlign val="superscript"/>
      <sz val="10"/>
      <name val="Arial"/>
      <family val="2"/>
    </font>
    <font>
      <b/>
      <sz val="11"/>
      <name val="Arial"/>
      <family val="2"/>
    </font>
    <font>
      <sz val="10"/>
      <color rgb="FF000000"/>
      <name val="Arial"/>
      <family val="2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/>
      <right/>
      <top style="thick">
        <color indexed="64"/>
      </top>
      <bottom/>
      <diagonal/>
    </border>
    <border>
      <left/>
      <right/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/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</borders>
  <cellStyleXfs count="3">
    <xf numFmtId="0" fontId="0" fillId="0" borderId="0"/>
    <xf numFmtId="0" fontId="2" fillId="0" borderId="0"/>
    <xf numFmtId="43" fontId="2" fillId="0" borderId="0" applyFont="0" applyFill="0" applyBorder="0" applyAlignment="0" applyProtection="0"/>
  </cellStyleXfs>
  <cellXfs count="8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49" fontId="2" fillId="0" borderId="0" xfId="0" applyNumberFormat="1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Fill="1" applyBorder="1" applyAlignment="1">
      <alignment horizontal="right" vertical="center"/>
    </xf>
    <xf numFmtId="49" fontId="2" fillId="0" borderId="3" xfId="0" applyNumberFormat="1" applyFont="1" applyBorder="1" applyAlignment="1">
      <alignment vertical="center"/>
    </xf>
    <xf numFmtId="0" fontId="2" fillId="0" borderId="4" xfId="0" applyFont="1" applyBorder="1" applyAlignment="1">
      <alignment vertical="center"/>
    </xf>
    <xf numFmtId="49" fontId="2" fillId="0" borderId="4" xfId="0" applyNumberFormat="1" applyFont="1" applyBorder="1" applyAlignment="1">
      <alignment vertical="center"/>
    </xf>
    <xf numFmtId="0" fontId="2" fillId="0" borderId="5" xfId="0" applyFont="1" applyFill="1" applyBorder="1" applyAlignment="1">
      <alignment horizontal="center" vertical="center"/>
    </xf>
    <xf numFmtId="0" fontId="3" fillId="0" borderId="0" xfId="0" applyFont="1" applyAlignment="1">
      <alignment horizontal="center"/>
    </xf>
    <xf numFmtId="0" fontId="2" fillId="0" borderId="0" xfId="1" applyFont="1" applyBorder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Alignment="1">
      <alignment horizontal="justify"/>
    </xf>
    <xf numFmtId="0" fontId="2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6" fillId="0" borderId="0" xfId="1" applyFont="1" applyBorder="1" applyAlignment="1">
      <alignment vertical="center"/>
    </xf>
    <xf numFmtId="0" fontId="2" fillId="0" borderId="0" xfId="1" applyFont="1"/>
    <xf numFmtId="0" fontId="2" fillId="0" borderId="0" xfId="1" applyFont="1" applyAlignment="1">
      <alignment horizontal="left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vertical="center" wrapText="1"/>
    </xf>
    <xf numFmtId="0" fontId="8" fillId="0" borderId="8" xfId="1" applyFont="1" applyBorder="1" applyAlignment="1">
      <alignment horizontal="center" vertical="center"/>
    </xf>
    <xf numFmtId="0" fontId="8" fillId="0" borderId="9" xfId="1" applyFont="1" applyFill="1" applyBorder="1" applyAlignment="1">
      <alignment vertical="center"/>
    </xf>
    <xf numFmtId="0" fontId="8" fillId="0" borderId="10" xfId="1" applyFont="1" applyBorder="1" applyAlignment="1">
      <alignment horizontal="center" vertical="center"/>
    </xf>
    <xf numFmtId="0" fontId="8" fillId="0" borderId="11" xfId="1" applyFont="1" applyBorder="1" applyAlignment="1">
      <alignment horizontal="center" vertical="center"/>
    </xf>
    <xf numFmtId="0" fontId="8" fillId="0" borderId="12" xfId="1" applyFont="1" applyFill="1" applyBorder="1" applyAlignment="1">
      <alignment horizontal="center" vertical="center"/>
    </xf>
    <xf numFmtId="0" fontId="8" fillId="0" borderId="13" xfId="1" applyFont="1" applyBorder="1" applyAlignment="1">
      <alignment horizontal="center" vertical="center"/>
    </xf>
    <xf numFmtId="0" fontId="4" fillId="0" borderId="17" xfId="1" applyFont="1" applyBorder="1" applyAlignment="1">
      <alignment horizontal="right" vertical="center"/>
    </xf>
    <xf numFmtId="0" fontId="8" fillId="0" borderId="9" xfId="1" applyFont="1" applyFill="1" applyBorder="1" applyAlignment="1">
      <alignment horizontal="right" vertical="center"/>
    </xf>
    <xf numFmtId="0" fontId="4" fillId="0" borderId="21" xfId="1" applyFont="1" applyBorder="1" applyAlignment="1">
      <alignment horizontal="right" vertical="center"/>
    </xf>
    <xf numFmtId="0" fontId="4" fillId="0" borderId="22" xfId="1" applyFont="1" applyBorder="1" applyAlignment="1">
      <alignment horizontal="center" vertical="center"/>
    </xf>
    <xf numFmtId="0" fontId="8" fillId="0" borderId="23" xfId="1" applyFont="1" applyFill="1" applyBorder="1" applyAlignment="1">
      <alignment horizontal="right" vertical="center"/>
    </xf>
    <xf numFmtId="0" fontId="4" fillId="0" borderId="11" xfId="1" applyFont="1" applyBorder="1" applyAlignment="1">
      <alignment horizontal="center" vertical="center"/>
    </xf>
    <xf numFmtId="0" fontId="8" fillId="0" borderId="12" xfId="1" applyFont="1" applyFill="1" applyBorder="1" applyAlignment="1">
      <alignment horizontal="right" vertical="center"/>
    </xf>
    <xf numFmtId="0" fontId="4" fillId="0" borderId="24" xfId="1" applyFont="1" applyBorder="1" applyAlignment="1">
      <alignment horizontal="right" vertical="center"/>
    </xf>
    <xf numFmtId="0" fontId="2" fillId="0" borderId="14" xfId="0" applyFont="1" applyBorder="1" applyAlignment="1">
      <alignment horizontal="center" vertical="center"/>
    </xf>
    <xf numFmtId="0" fontId="2" fillId="0" borderId="25" xfId="0" applyFont="1" applyBorder="1" applyAlignment="1">
      <alignment vertical="center"/>
    </xf>
    <xf numFmtId="0" fontId="2" fillId="0" borderId="7" xfId="0" applyFont="1" applyBorder="1" applyAlignment="1">
      <alignment horizontal="center" vertical="center"/>
    </xf>
    <xf numFmtId="3" fontId="2" fillId="0" borderId="26" xfId="0" applyNumberFormat="1" applyFont="1" applyBorder="1" applyAlignment="1">
      <alignment horizontal="justify" vertical="center"/>
    </xf>
    <xf numFmtId="0" fontId="2" fillId="0" borderId="19" xfId="0" applyFont="1" applyBorder="1" applyAlignment="1">
      <alignment vertical="center" wrapText="1"/>
    </xf>
    <xf numFmtId="0" fontId="2" fillId="0" borderId="25" xfId="0" applyFont="1" applyBorder="1" applyAlignment="1">
      <alignment vertical="center" wrapText="1"/>
    </xf>
    <xf numFmtId="0" fontId="9" fillId="0" borderId="3" xfId="0" applyFont="1" applyBorder="1" applyAlignment="1">
      <alignment vertical="center" wrapText="1"/>
    </xf>
    <xf numFmtId="3" fontId="2" fillId="0" borderId="26" xfId="0" applyNumberFormat="1" applyFont="1" applyBorder="1" applyAlignment="1">
      <alignment horizontal="justify"/>
    </xf>
    <xf numFmtId="0" fontId="2" fillId="0" borderId="0" xfId="0" applyFont="1"/>
    <xf numFmtId="0" fontId="2" fillId="0" borderId="16" xfId="0" applyFont="1" applyBorder="1" applyAlignment="1">
      <alignment horizontal="center" vertical="center"/>
    </xf>
    <xf numFmtId="0" fontId="2" fillId="0" borderId="6" xfId="0" applyFont="1" applyBorder="1" applyAlignment="1">
      <alignment vertical="center"/>
    </xf>
    <xf numFmtId="0" fontId="2" fillId="0" borderId="3" xfId="0" applyFont="1" applyBorder="1" applyAlignment="1">
      <alignment horizontal="center" vertical="center"/>
    </xf>
    <xf numFmtId="3" fontId="2" fillId="0" borderId="27" xfId="0" applyNumberFormat="1" applyFont="1" applyBorder="1" applyAlignment="1">
      <alignment horizontal="justify"/>
    </xf>
    <xf numFmtId="0" fontId="2" fillId="0" borderId="11" xfId="0" applyFont="1" applyBorder="1" applyAlignment="1">
      <alignment horizontal="center" vertical="center"/>
    </xf>
    <xf numFmtId="0" fontId="2" fillId="0" borderId="28" xfId="0" applyFont="1" applyBorder="1" applyAlignment="1">
      <alignment vertical="center" wrapText="1"/>
    </xf>
    <xf numFmtId="0" fontId="2" fillId="0" borderId="12" xfId="0" applyFont="1" applyBorder="1" applyAlignment="1">
      <alignment horizontal="center" vertical="center"/>
    </xf>
    <xf numFmtId="4" fontId="2" fillId="0" borderId="29" xfId="0" applyNumberFormat="1" applyFont="1" applyBorder="1" applyAlignment="1">
      <alignment horizontal="justify" vertical="top"/>
    </xf>
    <xf numFmtId="0" fontId="2" fillId="0" borderId="0" xfId="0" applyFont="1" applyAlignment="1">
      <alignment vertical="top"/>
    </xf>
    <xf numFmtId="0" fontId="2" fillId="0" borderId="30" xfId="0" applyFont="1" applyBorder="1" applyAlignment="1">
      <alignment vertical="center" wrapText="1"/>
    </xf>
    <xf numFmtId="49" fontId="6" fillId="0" borderId="31" xfId="1" applyNumberFormat="1" applyFont="1" applyBorder="1" applyAlignment="1">
      <alignment horizontal="center" vertical="center"/>
    </xf>
    <xf numFmtId="0" fontId="6" fillId="0" borderId="32" xfId="1" applyFont="1" applyBorder="1" applyAlignment="1">
      <alignment horizontal="left" vertical="center"/>
    </xf>
    <xf numFmtId="0" fontId="6" fillId="0" borderId="32" xfId="1" applyFont="1" applyFill="1" applyBorder="1" applyAlignment="1">
      <alignment horizontal="center" vertical="center" wrapText="1"/>
    </xf>
    <xf numFmtId="4" fontId="6" fillId="0" borderId="21" xfId="1" applyNumberFormat="1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/>
    </xf>
    <xf numFmtId="0" fontId="2" fillId="0" borderId="7" xfId="1" applyFont="1" applyFill="1" applyBorder="1" applyAlignment="1">
      <alignment horizontal="left" vertical="center"/>
    </xf>
    <xf numFmtId="3" fontId="2" fillId="0" borderId="14" xfId="1" applyNumberFormat="1" applyFont="1" applyBorder="1" applyAlignment="1">
      <alignment horizontal="center" vertical="center"/>
    </xf>
    <xf numFmtId="0" fontId="2" fillId="0" borderId="15" xfId="1" applyFont="1" applyBorder="1" applyAlignment="1">
      <alignment horizontal="right" vertical="center"/>
    </xf>
    <xf numFmtId="4" fontId="2" fillId="0" borderId="0" xfId="1" applyNumberFormat="1" applyFont="1" applyBorder="1" applyAlignment="1">
      <alignment vertical="center"/>
    </xf>
    <xf numFmtId="3" fontId="2" fillId="0" borderId="16" xfId="1" applyNumberFormat="1" applyFont="1" applyBorder="1" applyAlignment="1">
      <alignment horizontal="center" vertical="center"/>
    </xf>
    <xf numFmtId="0" fontId="2" fillId="0" borderId="17" xfId="1" applyFont="1" applyBorder="1" applyAlignment="1">
      <alignment horizontal="right" vertical="center"/>
    </xf>
    <xf numFmtId="3" fontId="2" fillId="0" borderId="19" xfId="1" applyNumberFormat="1" applyFont="1" applyFill="1" applyBorder="1" applyAlignment="1">
      <alignment horizontal="left" vertical="center"/>
    </xf>
    <xf numFmtId="0" fontId="2" fillId="0" borderId="20" xfId="1" applyFont="1" applyBorder="1" applyAlignment="1">
      <alignment horizontal="right" vertical="center"/>
    </xf>
    <xf numFmtId="0" fontId="2" fillId="0" borderId="3" xfId="0" applyFont="1" applyBorder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</cellXfs>
  <cellStyles count="3">
    <cellStyle name="1000-sep (2 dec) 2" xfId="2"/>
    <cellStyle name="Normal" xfId="0" builtinId="0"/>
    <cellStyle name="Normal 2" xfId="1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5.v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49"/>
  <sheetViews>
    <sheetView tabSelected="1" topLeftCell="A5" zoomScale="80" zoomScaleNormal="80" workbookViewId="0">
      <selection activeCell="B10" sqref="B10:D10"/>
    </sheetView>
  </sheetViews>
  <sheetFormatPr defaultColWidth="4.140625" defaultRowHeight="14.1" customHeight="1" x14ac:dyDescent="0.2"/>
  <cols>
    <col min="1" max="1" width="1.140625" style="2" customWidth="1"/>
    <col min="2" max="2" width="16.140625" style="2" customWidth="1"/>
    <col min="3" max="3" width="58.28515625" style="2" customWidth="1"/>
    <col min="4" max="4" width="16.140625" style="2" bestFit="1" customWidth="1"/>
    <col min="5" max="208" width="4.140625" style="2"/>
    <col min="209" max="209" width="4.140625" style="2" customWidth="1"/>
    <col min="210" max="210" width="12.140625" style="2" customWidth="1"/>
    <col min="211" max="211" width="9.140625" style="2" customWidth="1"/>
    <col min="212" max="212" width="17.28515625" style="2" customWidth="1"/>
    <col min="213" max="213" width="4.85546875" style="2" customWidth="1"/>
    <col min="214" max="214" width="5.28515625" style="2" customWidth="1"/>
    <col min="215" max="215" width="18.5703125" style="2" customWidth="1"/>
    <col min="216" max="216" width="2.5703125" style="2" customWidth="1"/>
    <col min="217" max="217" width="17.140625" style="2" customWidth="1"/>
    <col min="218" max="464" width="4.140625" style="2"/>
    <col min="465" max="465" width="4.140625" style="2" customWidth="1"/>
    <col min="466" max="466" width="12.140625" style="2" customWidth="1"/>
    <col min="467" max="467" width="9.140625" style="2" customWidth="1"/>
    <col min="468" max="468" width="17.28515625" style="2" customWidth="1"/>
    <col min="469" max="469" width="4.85546875" style="2" customWidth="1"/>
    <col min="470" max="470" width="5.28515625" style="2" customWidth="1"/>
    <col min="471" max="471" width="18.5703125" style="2" customWidth="1"/>
    <col min="472" max="472" width="2.5703125" style="2" customWidth="1"/>
    <col min="473" max="473" width="17.140625" style="2" customWidth="1"/>
    <col min="474" max="720" width="4.140625" style="2"/>
    <col min="721" max="721" width="4.140625" style="2" customWidth="1"/>
    <col min="722" max="722" width="12.140625" style="2" customWidth="1"/>
    <col min="723" max="723" width="9.140625" style="2" customWidth="1"/>
    <col min="724" max="724" width="17.28515625" style="2" customWidth="1"/>
    <col min="725" max="725" width="4.85546875" style="2" customWidth="1"/>
    <col min="726" max="726" width="5.28515625" style="2" customWidth="1"/>
    <col min="727" max="727" width="18.5703125" style="2" customWidth="1"/>
    <col min="728" max="728" width="2.5703125" style="2" customWidth="1"/>
    <col min="729" max="729" width="17.140625" style="2" customWidth="1"/>
    <col min="730" max="976" width="4.140625" style="2"/>
    <col min="977" max="977" width="4.140625" style="2" customWidth="1"/>
    <col min="978" max="978" width="12.140625" style="2" customWidth="1"/>
    <col min="979" max="979" width="9.140625" style="2" customWidth="1"/>
    <col min="980" max="980" width="17.28515625" style="2" customWidth="1"/>
    <col min="981" max="981" width="4.85546875" style="2" customWidth="1"/>
    <col min="982" max="982" width="5.28515625" style="2" customWidth="1"/>
    <col min="983" max="983" width="18.5703125" style="2" customWidth="1"/>
    <col min="984" max="984" width="2.5703125" style="2" customWidth="1"/>
    <col min="985" max="985" width="17.140625" style="2" customWidth="1"/>
    <col min="986" max="1232" width="4.140625" style="2"/>
    <col min="1233" max="1233" width="4.140625" style="2" customWidth="1"/>
    <col min="1234" max="1234" width="12.140625" style="2" customWidth="1"/>
    <col min="1235" max="1235" width="9.140625" style="2" customWidth="1"/>
    <col min="1236" max="1236" width="17.28515625" style="2" customWidth="1"/>
    <col min="1237" max="1237" width="4.85546875" style="2" customWidth="1"/>
    <col min="1238" max="1238" width="5.28515625" style="2" customWidth="1"/>
    <col min="1239" max="1239" width="18.5703125" style="2" customWidth="1"/>
    <col min="1240" max="1240" width="2.5703125" style="2" customWidth="1"/>
    <col min="1241" max="1241" width="17.140625" style="2" customWidth="1"/>
    <col min="1242" max="1488" width="4.140625" style="2"/>
    <col min="1489" max="1489" width="4.140625" style="2" customWidth="1"/>
    <col min="1490" max="1490" width="12.140625" style="2" customWidth="1"/>
    <col min="1491" max="1491" width="9.140625" style="2" customWidth="1"/>
    <col min="1492" max="1492" width="17.28515625" style="2" customWidth="1"/>
    <col min="1493" max="1493" width="4.85546875" style="2" customWidth="1"/>
    <col min="1494" max="1494" width="5.28515625" style="2" customWidth="1"/>
    <col min="1495" max="1495" width="18.5703125" style="2" customWidth="1"/>
    <col min="1496" max="1496" width="2.5703125" style="2" customWidth="1"/>
    <col min="1497" max="1497" width="17.140625" style="2" customWidth="1"/>
    <col min="1498" max="1744" width="4.140625" style="2"/>
    <col min="1745" max="1745" width="4.140625" style="2" customWidth="1"/>
    <col min="1746" max="1746" width="12.140625" style="2" customWidth="1"/>
    <col min="1747" max="1747" width="9.140625" style="2" customWidth="1"/>
    <col min="1748" max="1748" width="17.28515625" style="2" customWidth="1"/>
    <col min="1749" max="1749" width="4.85546875" style="2" customWidth="1"/>
    <col min="1750" max="1750" width="5.28515625" style="2" customWidth="1"/>
    <col min="1751" max="1751" width="18.5703125" style="2" customWidth="1"/>
    <col min="1752" max="1752" width="2.5703125" style="2" customWidth="1"/>
    <col min="1753" max="1753" width="17.140625" style="2" customWidth="1"/>
    <col min="1754" max="2000" width="4.140625" style="2"/>
    <col min="2001" max="2001" width="4.140625" style="2" customWidth="1"/>
    <col min="2002" max="2002" width="12.140625" style="2" customWidth="1"/>
    <col min="2003" max="2003" width="9.140625" style="2" customWidth="1"/>
    <col min="2004" max="2004" width="17.28515625" style="2" customWidth="1"/>
    <col min="2005" max="2005" width="4.85546875" style="2" customWidth="1"/>
    <col min="2006" max="2006" width="5.28515625" style="2" customWidth="1"/>
    <col min="2007" max="2007" width="18.5703125" style="2" customWidth="1"/>
    <col min="2008" max="2008" width="2.5703125" style="2" customWidth="1"/>
    <col min="2009" max="2009" width="17.140625" style="2" customWidth="1"/>
    <col min="2010" max="2256" width="4.140625" style="2"/>
    <col min="2257" max="2257" width="4.140625" style="2" customWidth="1"/>
    <col min="2258" max="2258" width="12.140625" style="2" customWidth="1"/>
    <col min="2259" max="2259" width="9.140625" style="2" customWidth="1"/>
    <col min="2260" max="2260" width="17.28515625" style="2" customWidth="1"/>
    <col min="2261" max="2261" width="4.85546875" style="2" customWidth="1"/>
    <col min="2262" max="2262" width="5.28515625" style="2" customWidth="1"/>
    <col min="2263" max="2263" width="18.5703125" style="2" customWidth="1"/>
    <col min="2264" max="2264" width="2.5703125" style="2" customWidth="1"/>
    <col min="2265" max="2265" width="17.140625" style="2" customWidth="1"/>
    <col min="2266" max="2512" width="4.140625" style="2"/>
    <col min="2513" max="2513" width="4.140625" style="2" customWidth="1"/>
    <col min="2514" max="2514" width="12.140625" style="2" customWidth="1"/>
    <col min="2515" max="2515" width="9.140625" style="2" customWidth="1"/>
    <col min="2516" max="2516" width="17.28515625" style="2" customWidth="1"/>
    <col min="2517" max="2517" width="4.85546875" style="2" customWidth="1"/>
    <col min="2518" max="2518" width="5.28515625" style="2" customWidth="1"/>
    <col min="2519" max="2519" width="18.5703125" style="2" customWidth="1"/>
    <col min="2520" max="2520" width="2.5703125" style="2" customWidth="1"/>
    <col min="2521" max="2521" width="17.140625" style="2" customWidth="1"/>
    <col min="2522" max="2768" width="4.140625" style="2"/>
    <col min="2769" max="2769" width="4.140625" style="2" customWidth="1"/>
    <col min="2770" max="2770" width="12.140625" style="2" customWidth="1"/>
    <col min="2771" max="2771" width="9.140625" style="2" customWidth="1"/>
    <col min="2772" max="2772" width="17.28515625" style="2" customWidth="1"/>
    <col min="2773" max="2773" width="4.85546875" style="2" customWidth="1"/>
    <col min="2774" max="2774" width="5.28515625" style="2" customWidth="1"/>
    <col min="2775" max="2775" width="18.5703125" style="2" customWidth="1"/>
    <col min="2776" max="2776" width="2.5703125" style="2" customWidth="1"/>
    <col min="2777" max="2777" width="17.140625" style="2" customWidth="1"/>
    <col min="2778" max="3024" width="4.140625" style="2"/>
    <col min="3025" max="3025" width="4.140625" style="2" customWidth="1"/>
    <col min="3026" max="3026" width="12.140625" style="2" customWidth="1"/>
    <col min="3027" max="3027" width="9.140625" style="2" customWidth="1"/>
    <col min="3028" max="3028" width="17.28515625" style="2" customWidth="1"/>
    <col min="3029" max="3029" width="4.85546875" style="2" customWidth="1"/>
    <col min="3030" max="3030" width="5.28515625" style="2" customWidth="1"/>
    <col min="3031" max="3031" width="18.5703125" style="2" customWidth="1"/>
    <col min="3032" max="3032" width="2.5703125" style="2" customWidth="1"/>
    <col min="3033" max="3033" width="17.140625" style="2" customWidth="1"/>
    <col min="3034" max="3280" width="4.140625" style="2"/>
    <col min="3281" max="3281" width="4.140625" style="2" customWidth="1"/>
    <col min="3282" max="3282" width="12.140625" style="2" customWidth="1"/>
    <col min="3283" max="3283" width="9.140625" style="2" customWidth="1"/>
    <col min="3284" max="3284" width="17.28515625" style="2" customWidth="1"/>
    <col min="3285" max="3285" width="4.85546875" style="2" customWidth="1"/>
    <col min="3286" max="3286" width="5.28515625" style="2" customWidth="1"/>
    <col min="3287" max="3287" width="18.5703125" style="2" customWidth="1"/>
    <col min="3288" max="3288" width="2.5703125" style="2" customWidth="1"/>
    <col min="3289" max="3289" width="17.140625" style="2" customWidth="1"/>
    <col min="3290" max="3536" width="4.140625" style="2"/>
    <col min="3537" max="3537" width="4.140625" style="2" customWidth="1"/>
    <col min="3538" max="3538" width="12.140625" style="2" customWidth="1"/>
    <col min="3539" max="3539" width="9.140625" style="2" customWidth="1"/>
    <col min="3540" max="3540" width="17.28515625" style="2" customWidth="1"/>
    <col min="3541" max="3541" width="4.85546875" style="2" customWidth="1"/>
    <col min="3542" max="3542" width="5.28515625" style="2" customWidth="1"/>
    <col min="3543" max="3543" width="18.5703125" style="2" customWidth="1"/>
    <col min="3544" max="3544" width="2.5703125" style="2" customWidth="1"/>
    <col min="3545" max="3545" width="17.140625" style="2" customWidth="1"/>
    <col min="3546" max="3792" width="4.140625" style="2"/>
    <col min="3793" max="3793" width="4.140625" style="2" customWidth="1"/>
    <col min="3794" max="3794" width="12.140625" style="2" customWidth="1"/>
    <col min="3795" max="3795" width="9.140625" style="2" customWidth="1"/>
    <col min="3796" max="3796" width="17.28515625" style="2" customWidth="1"/>
    <col min="3797" max="3797" width="4.85546875" style="2" customWidth="1"/>
    <col min="3798" max="3798" width="5.28515625" style="2" customWidth="1"/>
    <col min="3799" max="3799" width="18.5703125" style="2" customWidth="1"/>
    <col min="3800" max="3800" width="2.5703125" style="2" customWidth="1"/>
    <col min="3801" max="3801" width="17.140625" style="2" customWidth="1"/>
    <col min="3802" max="4048" width="4.140625" style="2"/>
    <col min="4049" max="4049" width="4.140625" style="2" customWidth="1"/>
    <col min="4050" max="4050" width="12.140625" style="2" customWidth="1"/>
    <col min="4051" max="4051" width="9.140625" style="2" customWidth="1"/>
    <col min="4052" max="4052" width="17.28515625" style="2" customWidth="1"/>
    <col min="4053" max="4053" width="4.85546875" style="2" customWidth="1"/>
    <col min="4054" max="4054" width="5.28515625" style="2" customWidth="1"/>
    <col min="4055" max="4055" width="18.5703125" style="2" customWidth="1"/>
    <col min="4056" max="4056" width="2.5703125" style="2" customWidth="1"/>
    <col min="4057" max="4057" width="17.140625" style="2" customWidth="1"/>
    <col min="4058" max="4304" width="4.140625" style="2"/>
    <col min="4305" max="4305" width="4.140625" style="2" customWidth="1"/>
    <col min="4306" max="4306" width="12.140625" style="2" customWidth="1"/>
    <col min="4307" max="4307" width="9.140625" style="2" customWidth="1"/>
    <col min="4308" max="4308" width="17.28515625" style="2" customWidth="1"/>
    <col min="4309" max="4309" width="4.85546875" style="2" customWidth="1"/>
    <col min="4310" max="4310" width="5.28515625" style="2" customWidth="1"/>
    <col min="4311" max="4311" width="18.5703125" style="2" customWidth="1"/>
    <col min="4312" max="4312" width="2.5703125" style="2" customWidth="1"/>
    <col min="4313" max="4313" width="17.140625" style="2" customWidth="1"/>
    <col min="4314" max="4560" width="4.140625" style="2"/>
    <col min="4561" max="4561" width="4.140625" style="2" customWidth="1"/>
    <col min="4562" max="4562" width="12.140625" style="2" customWidth="1"/>
    <col min="4563" max="4563" width="9.140625" style="2" customWidth="1"/>
    <col min="4564" max="4564" width="17.28515625" style="2" customWidth="1"/>
    <col min="4565" max="4565" width="4.85546875" style="2" customWidth="1"/>
    <col min="4566" max="4566" width="5.28515625" style="2" customWidth="1"/>
    <col min="4567" max="4567" width="18.5703125" style="2" customWidth="1"/>
    <col min="4568" max="4568" width="2.5703125" style="2" customWidth="1"/>
    <col min="4569" max="4569" width="17.140625" style="2" customWidth="1"/>
    <col min="4570" max="4816" width="4.140625" style="2"/>
    <col min="4817" max="4817" width="4.140625" style="2" customWidth="1"/>
    <col min="4818" max="4818" width="12.140625" style="2" customWidth="1"/>
    <col min="4819" max="4819" width="9.140625" style="2" customWidth="1"/>
    <col min="4820" max="4820" width="17.28515625" style="2" customWidth="1"/>
    <col min="4821" max="4821" width="4.85546875" style="2" customWidth="1"/>
    <col min="4822" max="4822" width="5.28515625" style="2" customWidth="1"/>
    <col min="4823" max="4823" width="18.5703125" style="2" customWidth="1"/>
    <col min="4824" max="4824" width="2.5703125" style="2" customWidth="1"/>
    <col min="4825" max="4825" width="17.140625" style="2" customWidth="1"/>
    <col min="4826" max="5072" width="4.140625" style="2"/>
    <col min="5073" max="5073" width="4.140625" style="2" customWidth="1"/>
    <col min="5074" max="5074" width="12.140625" style="2" customWidth="1"/>
    <col min="5075" max="5075" width="9.140625" style="2" customWidth="1"/>
    <col min="5076" max="5076" width="17.28515625" style="2" customWidth="1"/>
    <col min="5077" max="5077" width="4.85546875" style="2" customWidth="1"/>
    <col min="5078" max="5078" width="5.28515625" style="2" customWidth="1"/>
    <col min="5079" max="5079" width="18.5703125" style="2" customWidth="1"/>
    <col min="5080" max="5080" width="2.5703125" style="2" customWidth="1"/>
    <col min="5081" max="5081" width="17.140625" style="2" customWidth="1"/>
    <col min="5082" max="5328" width="4.140625" style="2"/>
    <col min="5329" max="5329" width="4.140625" style="2" customWidth="1"/>
    <col min="5330" max="5330" width="12.140625" style="2" customWidth="1"/>
    <col min="5331" max="5331" width="9.140625" style="2" customWidth="1"/>
    <col min="5332" max="5332" width="17.28515625" style="2" customWidth="1"/>
    <col min="5333" max="5333" width="4.85546875" style="2" customWidth="1"/>
    <col min="5334" max="5334" width="5.28515625" style="2" customWidth="1"/>
    <col min="5335" max="5335" width="18.5703125" style="2" customWidth="1"/>
    <col min="5336" max="5336" width="2.5703125" style="2" customWidth="1"/>
    <col min="5337" max="5337" width="17.140625" style="2" customWidth="1"/>
    <col min="5338" max="5584" width="4.140625" style="2"/>
    <col min="5585" max="5585" width="4.140625" style="2" customWidth="1"/>
    <col min="5586" max="5586" width="12.140625" style="2" customWidth="1"/>
    <col min="5587" max="5587" width="9.140625" style="2" customWidth="1"/>
    <col min="5588" max="5588" width="17.28515625" style="2" customWidth="1"/>
    <col min="5589" max="5589" width="4.85546875" style="2" customWidth="1"/>
    <col min="5590" max="5590" width="5.28515625" style="2" customWidth="1"/>
    <col min="5591" max="5591" width="18.5703125" style="2" customWidth="1"/>
    <col min="5592" max="5592" width="2.5703125" style="2" customWidth="1"/>
    <col min="5593" max="5593" width="17.140625" style="2" customWidth="1"/>
    <col min="5594" max="5840" width="4.140625" style="2"/>
    <col min="5841" max="5841" width="4.140625" style="2" customWidth="1"/>
    <col min="5842" max="5842" width="12.140625" style="2" customWidth="1"/>
    <col min="5843" max="5843" width="9.140625" style="2" customWidth="1"/>
    <col min="5844" max="5844" width="17.28515625" style="2" customWidth="1"/>
    <col min="5845" max="5845" width="4.85546875" style="2" customWidth="1"/>
    <col min="5846" max="5846" width="5.28515625" style="2" customWidth="1"/>
    <col min="5847" max="5847" width="18.5703125" style="2" customWidth="1"/>
    <col min="5848" max="5848" width="2.5703125" style="2" customWidth="1"/>
    <col min="5849" max="5849" width="17.140625" style="2" customWidth="1"/>
    <col min="5850" max="6096" width="4.140625" style="2"/>
    <col min="6097" max="6097" width="4.140625" style="2" customWidth="1"/>
    <col min="6098" max="6098" width="12.140625" style="2" customWidth="1"/>
    <col min="6099" max="6099" width="9.140625" style="2" customWidth="1"/>
    <col min="6100" max="6100" width="17.28515625" style="2" customWidth="1"/>
    <col min="6101" max="6101" width="4.85546875" style="2" customWidth="1"/>
    <col min="6102" max="6102" width="5.28515625" style="2" customWidth="1"/>
    <col min="6103" max="6103" width="18.5703125" style="2" customWidth="1"/>
    <col min="6104" max="6104" width="2.5703125" style="2" customWidth="1"/>
    <col min="6105" max="6105" width="17.140625" style="2" customWidth="1"/>
    <col min="6106" max="6352" width="4.140625" style="2"/>
    <col min="6353" max="6353" width="4.140625" style="2" customWidth="1"/>
    <col min="6354" max="6354" width="12.140625" style="2" customWidth="1"/>
    <col min="6355" max="6355" width="9.140625" style="2" customWidth="1"/>
    <col min="6356" max="6356" width="17.28515625" style="2" customWidth="1"/>
    <col min="6357" max="6357" width="4.85546875" style="2" customWidth="1"/>
    <col min="6358" max="6358" width="5.28515625" style="2" customWidth="1"/>
    <col min="6359" max="6359" width="18.5703125" style="2" customWidth="1"/>
    <col min="6360" max="6360" width="2.5703125" style="2" customWidth="1"/>
    <col min="6361" max="6361" width="17.140625" style="2" customWidth="1"/>
    <col min="6362" max="6608" width="4.140625" style="2"/>
    <col min="6609" max="6609" width="4.140625" style="2" customWidth="1"/>
    <col min="6610" max="6610" width="12.140625" style="2" customWidth="1"/>
    <col min="6611" max="6611" width="9.140625" style="2" customWidth="1"/>
    <col min="6612" max="6612" width="17.28515625" style="2" customWidth="1"/>
    <col min="6613" max="6613" width="4.85546875" style="2" customWidth="1"/>
    <col min="6614" max="6614" width="5.28515625" style="2" customWidth="1"/>
    <col min="6615" max="6615" width="18.5703125" style="2" customWidth="1"/>
    <col min="6616" max="6616" width="2.5703125" style="2" customWidth="1"/>
    <col min="6617" max="6617" width="17.140625" style="2" customWidth="1"/>
    <col min="6618" max="6864" width="4.140625" style="2"/>
    <col min="6865" max="6865" width="4.140625" style="2" customWidth="1"/>
    <col min="6866" max="6866" width="12.140625" style="2" customWidth="1"/>
    <col min="6867" max="6867" width="9.140625" style="2" customWidth="1"/>
    <col min="6868" max="6868" width="17.28515625" style="2" customWidth="1"/>
    <col min="6869" max="6869" width="4.85546875" style="2" customWidth="1"/>
    <col min="6870" max="6870" width="5.28515625" style="2" customWidth="1"/>
    <col min="6871" max="6871" width="18.5703125" style="2" customWidth="1"/>
    <col min="6872" max="6872" width="2.5703125" style="2" customWidth="1"/>
    <col min="6873" max="6873" width="17.140625" style="2" customWidth="1"/>
    <col min="6874" max="7120" width="4.140625" style="2"/>
    <col min="7121" max="7121" width="4.140625" style="2" customWidth="1"/>
    <col min="7122" max="7122" width="12.140625" style="2" customWidth="1"/>
    <col min="7123" max="7123" width="9.140625" style="2" customWidth="1"/>
    <col min="7124" max="7124" width="17.28515625" style="2" customWidth="1"/>
    <col min="7125" max="7125" width="4.85546875" style="2" customWidth="1"/>
    <col min="7126" max="7126" width="5.28515625" style="2" customWidth="1"/>
    <col min="7127" max="7127" width="18.5703125" style="2" customWidth="1"/>
    <col min="7128" max="7128" width="2.5703125" style="2" customWidth="1"/>
    <col min="7129" max="7129" width="17.140625" style="2" customWidth="1"/>
    <col min="7130" max="7376" width="4.140625" style="2"/>
    <col min="7377" max="7377" width="4.140625" style="2" customWidth="1"/>
    <col min="7378" max="7378" width="12.140625" style="2" customWidth="1"/>
    <col min="7379" max="7379" width="9.140625" style="2" customWidth="1"/>
    <col min="7380" max="7380" width="17.28515625" style="2" customWidth="1"/>
    <col min="7381" max="7381" width="4.85546875" style="2" customWidth="1"/>
    <col min="7382" max="7382" width="5.28515625" style="2" customWidth="1"/>
    <col min="7383" max="7383" width="18.5703125" style="2" customWidth="1"/>
    <col min="7384" max="7384" width="2.5703125" style="2" customWidth="1"/>
    <col min="7385" max="7385" width="17.140625" style="2" customWidth="1"/>
    <col min="7386" max="7632" width="4.140625" style="2"/>
    <col min="7633" max="7633" width="4.140625" style="2" customWidth="1"/>
    <col min="7634" max="7634" width="12.140625" style="2" customWidth="1"/>
    <col min="7635" max="7635" width="9.140625" style="2" customWidth="1"/>
    <col min="7636" max="7636" width="17.28515625" style="2" customWidth="1"/>
    <col min="7637" max="7637" width="4.85546875" style="2" customWidth="1"/>
    <col min="7638" max="7638" width="5.28515625" style="2" customWidth="1"/>
    <col min="7639" max="7639" width="18.5703125" style="2" customWidth="1"/>
    <col min="7640" max="7640" width="2.5703125" style="2" customWidth="1"/>
    <col min="7641" max="7641" width="17.140625" style="2" customWidth="1"/>
    <col min="7642" max="7888" width="4.140625" style="2"/>
    <col min="7889" max="7889" width="4.140625" style="2" customWidth="1"/>
    <col min="7890" max="7890" width="12.140625" style="2" customWidth="1"/>
    <col min="7891" max="7891" width="9.140625" style="2" customWidth="1"/>
    <col min="7892" max="7892" width="17.28515625" style="2" customWidth="1"/>
    <col min="7893" max="7893" width="4.85546875" style="2" customWidth="1"/>
    <col min="7894" max="7894" width="5.28515625" style="2" customWidth="1"/>
    <col min="7895" max="7895" width="18.5703125" style="2" customWidth="1"/>
    <col min="7896" max="7896" width="2.5703125" style="2" customWidth="1"/>
    <col min="7897" max="7897" width="17.140625" style="2" customWidth="1"/>
    <col min="7898" max="8144" width="4.140625" style="2"/>
    <col min="8145" max="8145" width="4.140625" style="2" customWidth="1"/>
    <col min="8146" max="8146" width="12.140625" style="2" customWidth="1"/>
    <col min="8147" max="8147" width="9.140625" style="2" customWidth="1"/>
    <col min="8148" max="8148" width="17.28515625" style="2" customWidth="1"/>
    <col min="8149" max="8149" width="4.85546875" style="2" customWidth="1"/>
    <col min="8150" max="8150" width="5.28515625" style="2" customWidth="1"/>
    <col min="8151" max="8151" width="18.5703125" style="2" customWidth="1"/>
    <col min="8152" max="8152" width="2.5703125" style="2" customWidth="1"/>
    <col min="8153" max="8153" width="17.140625" style="2" customWidth="1"/>
    <col min="8154" max="8400" width="4.140625" style="2"/>
    <col min="8401" max="8401" width="4.140625" style="2" customWidth="1"/>
    <col min="8402" max="8402" width="12.140625" style="2" customWidth="1"/>
    <col min="8403" max="8403" width="9.140625" style="2" customWidth="1"/>
    <col min="8404" max="8404" width="17.28515625" style="2" customWidth="1"/>
    <col min="8405" max="8405" width="4.85546875" style="2" customWidth="1"/>
    <col min="8406" max="8406" width="5.28515625" style="2" customWidth="1"/>
    <col min="8407" max="8407" width="18.5703125" style="2" customWidth="1"/>
    <col min="8408" max="8408" width="2.5703125" style="2" customWidth="1"/>
    <col min="8409" max="8409" width="17.140625" style="2" customWidth="1"/>
    <col min="8410" max="8656" width="4.140625" style="2"/>
    <col min="8657" max="8657" width="4.140625" style="2" customWidth="1"/>
    <col min="8658" max="8658" width="12.140625" style="2" customWidth="1"/>
    <col min="8659" max="8659" width="9.140625" style="2" customWidth="1"/>
    <col min="8660" max="8660" width="17.28515625" style="2" customWidth="1"/>
    <col min="8661" max="8661" width="4.85546875" style="2" customWidth="1"/>
    <col min="8662" max="8662" width="5.28515625" style="2" customWidth="1"/>
    <col min="8663" max="8663" width="18.5703125" style="2" customWidth="1"/>
    <col min="8664" max="8664" width="2.5703125" style="2" customWidth="1"/>
    <col min="8665" max="8665" width="17.140625" style="2" customWidth="1"/>
    <col min="8666" max="8912" width="4.140625" style="2"/>
    <col min="8913" max="8913" width="4.140625" style="2" customWidth="1"/>
    <col min="8914" max="8914" width="12.140625" style="2" customWidth="1"/>
    <col min="8915" max="8915" width="9.140625" style="2" customWidth="1"/>
    <col min="8916" max="8916" width="17.28515625" style="2" customWidth="1"/>
    <col min="8917" max="8917" width="4.85546875" style="2" customWidth="1"/>
    <col min="8918" max="8918" width="5.28515625" style="2" customWidth="1"/>
    <col min="8919" max="8919" width="18.5703125" style="2" customWidth="1"/>
    <col min="8920" max="8920" width="2.5703125" style="2" customWidth="1"/>
    <col min="8921" max="8921" width="17.140625" style="2" customWidth="1"/>
    <col min="8922" max="9168" width="4.140625" style="2"/>
    <col min="9169" max="9169" width="4.140625" style="2" customWidth="1"/>
    <col min="9170" max="9170" width="12.140625" style="2" customWidth="1"/>
    <col min="9171" max="9171" width="9.140625" style="2" customWidth="1"/>
    <col min="9172" max="9172" width="17.28515625" style="2" customWidth="1"/>
    <col min="9173" max="9173" width="4.85546875" style="2" customWidth="1"/>
    <col min="9174" max="9174" width="5.28515625" style="2" customWidth="1"/>
    <col min="9175" max="9175" width="18.5703125" style="2" customWidth="1"/>
    <col min="9176" max="9176" width="2.5703125" style="2" customWidth="1"/>
    <col min="9177" max="9177" width="17.140625" style="2" customWidth="1"/>
    <col min="9178" max="9424" width="4.140625" style="2"/>
    <col min="9425" max="9425" width="4.140625" style="2" customWidth="1"/>
    <col min="9426" max="9426" width="12.140625" style="2" customWidth="1"/>
    <col min="9427" max="9427" width="9.140625" style="2" customWidth="1"/>
    <col min="9428" max="9428" width="17.28515625" style="2" customWidth="1"/>
    <col min="9429" max="9429" width="4.85546875" style="2" customWidth="1"/>
    <col min="9430" max="9430" width="5.28515625" style="2" customWidth="1"/>
    <col min="9431" max="9431" width="18.5703125" style="2" customWidth="1"/>
    <col min="9432" max="9432" width="2.5703125" style="2" customWidth="1"/>
    <col min="9433" max="9433" width="17.140625" style="2" customWidth="1"/>
    <col min="9434" max="9680" width="4.140625" style="2"/>
    <col min="9681" max="9681" width="4.140625" style="2" customWidth="1"/>
    <col min="9682" max="9682" width="12.140625" style="2" customWidth="1"/>
    <col min="9683" max="9683" width="9.140625" style="2" customWidth="1"/>
    <col min="9684" max="9684" width="17.28515625" style="2" customWidth="1"/>
    <col min="9685" max="9685" width="4.85546875" style="2" customWidth="1"/>
    <col min="9686" max="9686" width="5.28515625" style="2" customWidth="1"/>
    <col min="9687" max="9687" width="18.5703125" style="2" customWidth="1"/>
    <col min="9688" max="9688" width="2.5703125" style="2" customWidth="1"/>
    <col min="9689" max="9689" width="17.140625" style="2" customWidth="1"/>
    <col min="9690" max="9936" width="4.140625" style="2"/>
    <col min="9937" max="9937" width="4.140625" style="2" customWidth="1"/>
    <col min="9938" max="9938" width="12.140625" style="2" customWidth="1"/>
    <col min="9939" max="9939" width="9.140625" style="2" customWidth="1"/>
    <col min="9940" max="9940" width="17.28515625" style="2" customWidth="1"/>
    <col min="9941" max="9941" width="4.85546875" style="2" customWidth="1"/>
    <col min="9942" max="9942" width="5.28515625" style="2" customWidth="1"/>
    <col min="9943" max="9943" width="18.5703125" style="2" customWidth="1"/>
    <col min="9944" max="9944" width="2.5703125" style="2" customWidth="1"/>
    <col min="9945" max="9945" width="17.140625" style="2" customWidth="1"/>
    <col min="9946" max="10192" width="4.140625" style="2"/>
    <col min="10193" max="10193" width="4.140625" style="2" customWidth="1"/>
    <col min="10194" max="10194" width="12.140625" style="2" customWidth="1"/>
    <col min="10195" max="10195" width="9.140625" style="2" customWidth="1"/>
    <col min="10196" max="10196" width="17.28515625" style="2" customWidth="1"/>
    <col min="10197" max="10197" width="4.85546875" style="2" customWidth="1"/>
    <col min="10198" max="10198" width="5.28515625" style="2" customWidth="1"/>
    <col min="10199" max="10199" width="18.5703125" style="2" customWidth="1"/>
    <col min="10200" max="10200" width="2.5703125" style="2" customWidth="1"/>
    <col min="10201" max="10201" width="17.140625" style="2" customWidth="1"/>
    <col min="10202" max="10448" width="4.140625" style="2"/>
    <col min="10449" max="10449" width="4.140625" style="2" customWidth="1"/>
    <col min="10450" max="10450" width="12.140625" style="2" customWidth="1"/>
    <col min="10451" max="10451" width="9.140625" style="2" customWidth="1"/>
    <col min="10452" max="10452" width="17.28515625" style="2" customWidth="1"/>
    <col min="10453" max="10453" width="4.85546875" style="2" customWidth="1"/>
    <col min="10454" max="10454" width="5.28515625" style="2" customWidth="1"/>
    <col min="10455" max="10455" width="18.5703125" style="2" customWidth="1"/>
    <col min="10456" max="10456" width="2.5703125" style="2" customWidth="1"/>
    <col min="10457" max="10457" width="17.140625" style="2" customWidth="1"/>
    <col min="10458" max="10704" width="4.140625" style="2"/>
    <col min="10705" max="10705" width="4.140625" style="2" customWidth="1"/>
    <col min="10706" max="10706" width="12.140625" style="2" customWidth="1"/>
    <col min="10707" max="10707" width="9.140625" style="2" customWidth="1"/>
    <col min="10708" max="10708" width="17.28515625" style="2" customWidth="1"/>
    <col min="10709" max="10709" width="4.85546875" style="2" customWidth="1"/>
    <col min="10710" max="10710" width="5.28515625" style="2" customWidth="1"/>
    <col min="10711" max="10711" width="18.5703125" style="2" customWidth="1"/>
    <col min="10712" max="10712" width="2.5703125" style="2" customWidth="1"/>
    <col min="10713" max="10713" width="17.140625" style="2" customWidth="1"/>
    <col min="10714" max="10960" width="4.140625" style="2"/>
    <col min="10961" max="10961" width="4.140625" style="2" customWidth="1"/>
    <col min="10962" max="10962" width="12.140625" style="2" customWidth="1"/>
    <col min="10963" max="10963" width="9.140625" style="2" customWidth="1"/>
    <col min="10964" max="10964" width="17.28515625" style="2" customWidth="1"/>
    <col min="10965" max="10965" width="4.85546875" style="2" customWidth="1"/>
    <col min="10966" max="10966" width="5.28515625" style="2" customWidth="1"/>
    <col min="10967" max="10967" width="18.5703125" style="2" customWidth="1"/>
    <col min="10968" max="10968" width="2.5703125" style="2" customWidth="1"/>
    <col min="10969" max="10969" width="17.140625" style="2" customWidth="1"/>
    <col min="10970" max="11216" width="4.140625" style="2"/>
    <col min="11217" max="11217" width="4.140625" style="2" customWidth="1"/>
    <col min="11218" max="11218" width="12.140625" style="2" customWidth="1"/>
    <col min="11219" max="11219" width="9.140625" style="2" customWidth="1"/>
    <col min="11220" max="11220" width="17.28515625" style="2" customWidth="1"/>
    <col min="11221" max="11221" width="4.85546875" style="2" customWidth="1"/>
    <col min="11222" max="11222" width="5.28515625" style="2" customWidth="1"/>
    <col min="11223" max="11223" width="18.5703125" style="2" customWidth="1"/>
    <col min="11224" max="11224" width="2.5703125" style="2" customWidth="1"/>
    <col min="11225" max="11225" width="17.140625" style="2" customWidth="1"/>
    <col min="11226" max="11472" width="4.140625" style="2"/>
    <col min="11473" max="11473" width="4.140625" style="2" customWidth="1"/>
    <col min="11474" max="11474" width="12.140625" style="2" customWidth="1"/>
    <col min="11475" max="11475" width="9.140625" style="2" customWidth="1"/>
    <col min="11476" max="11476" width="17.28515625" style="2" customWidth="1"/>
    <col min="11477" max="11477" width="4.85546875" style="2" customWidth="1"/>
    <col min="11478" max="11478" width="5.28515625" style="2" customWidth="1"/>
    <col min="11479" max="11479" width="18.5703125" style="2" customWidth="1"/>
    <col min="11480" max="11480" width="2.5703125" style="2" customWidth="1"/>
    <col min="11481" max="11481" width="17.140625" style="2" customWidth="1"/>
    <col min="11482" max="11728" width="4.140625" style="2"/>
    <col min="11729" max="11729" width="4.140625" style="2" customWidth="1"/>
    <col min="11730" max="11730" width="12.140625" style="2" customWidth="1"/>
    <col min="11731" max="11731" width="9.140625" style="2" customWidth="1"/>
    <col min="11732" max="11732" width="17.28515625" style="2" customWidth="1"/>
    <col min="11733" max="11733" width="4.85546875" style="2" customWidth="1"/>
    <col min="11734" max="11734" width="5.28515625" style="2" customWidth="1"/>
    <col min="11735" max="11735" width="18.5703125" style="2" customWidth="1"/>
    <col min="11736" max="11736" width="2.5703125" style="2" customWidth="1"/>
    <col min="11737" max="11737" width="17.140625" style="2" customWidth="1"/>
    <col min="11738" max="11984" width="4.140625" style="2"/>
    <col min="11985" max="11985" width="4.140625" style="2" customWidth="1"/>
    <col min="11986" max="11986" width="12.140625" style="2" customWidth="1"/>
    <col min="11987" max="11987" width="9.140625" style="2" customWidth="1"/>
    <col min="11988" max="11988" width="17.28515625" style="2" customWidth="1"/>
    <col min="11989" max="11989" width="4.85546875" style="2" customWidth="1"/>
    <col min="11990" max="11990" width="5.28515625" style="2" customWidth="1"/>
    <col min="11991" max="11991" width="18.5703125" style="2" customWidth="1"/>
    <col min="11992" max="11992" width="2.5703125" style="2" customWidth="1"/>
    <col min="11993" max="11993" width="17.140625" style="2" customWidth="1"/>
    <col min="11994" max="12240" width="4.140625" style="2"/>
    <col min="12241" max="12241" width="4.140625" style="2" customWidth="1"/>
    <col min="12242" max="12242" width="12.140625" style="2" customWidth="1"/>
    <col min="12243" max="12243" width="9.140625" style="2" customWidth="1"/>
    <col min="12244" max="12244" width="17.28515625" style="2" customWidth="1"/>
    <col min="12245" max="12245" width="4.85546875" style="2" customWidth="1"/>
    <col min="12246" max="12246" width="5.28515625" style="2" customWidth="1"/>
    <col min="12247" max="12247" width="18.5703125" style="2" customWidth="1"/>
    <col min="12248" max="12248" width="2.5703125" style="2" customWidth="1"/>
    <col min="12249" max="12249" width="17.140625" style="2" customWidth="1"/>
    <col min="12250" max="12496" width="4.140625" style="2"/>
    <col min="12497" max="12497" width="4.140625" style="2" customWidth="1"/>
    <col min="12498" max="12498" width="12.140625" style="2" customWidth="1"/>
    <col min="12499" max="12499" width="9.140625" style="2" customWidth="1"/>
    <col min="12500" max="12500" width="17.28515625" style="2" customWidth="1"/>
    <col min="12501" max="12501" width="4.85546875" style="2" customWidth="1"/>
    <col min="12502" max="12502" width="5.28515625" style="2" customWidth="1"/>
    <col min="12503" max="12503" width="18.5703125" style="2" customWidth="1"/>
    <col min="12504" max="12504" width="2.5703125" style="2" customWidth="1"/>
    <col min="12505" max="12505" width="17.140625" style="2" customWidth="1"/>
    <col min="12506" max="12752" width="4.140625" style="2"/>
    <col min="12753" max="12753" width="4.140625" style="2" customWidth="1"/>
    <col min="12754" max="12754" width="12.140625" style="2" customWidth="1"/>
    <col min="12755" max="12755" width="9.140625" style="2" customWidth="1"/>
    <col min="12756" max="12756" width="17.28515625" style="2" customWidth="1"/>
    <col min="12757" max="12757" width="4.85546875" style="2" customWidth="1"/>
    <col min="12758" max="12758" width="5.28515625" style="2" customWidth="1"/>
    <col min="12759" max="12759" width="18.5703125" style="2" customWidth="1"/>
    <col min="12760" max="12760" width="2.5703125" style="2" customWidth="1"/>
    <col min="12761" max="12761" width="17.140625" style="2" customWidth="1"/>
    <col min="12762" max="13008" width="4.140625" style="2"/>
    <col min="13009" max="13009" width="4.140625" style="2" customWidth="1"/>
    <col min="13010" max="13010" width="12.140625" style="2" customWidth="1"/>
    <col min="13011" max="13011" width="9.140625" style="2" customWidth="1"/>
    <col min="13012" max="13012" width="17.28515625" style="2" customWidth="1"/>
    <col min="13013" max="13013" width="4.85546875" style="2" customWidth="1"/>
    <col min="13014" max="13014" width="5.28515625" style="2" customWidth="1"/>
    <col min="13015" max="13015" width="18.5703125" style="2" customWidth="1"/>
    <col min="13016" max="13016" width="2.5703125" style="2" customWidth="1"/>
    <col min="13017" max="13017" width="17.140625" style="2" customWidth="1"/>
    <col min="13018" max="13264" width="4.140625" style="2"/>
    <col min="13265" max="13265" width="4.140625" style="2" customWidth="1"/>
    <col min="13266" max="13266" width="12.140625" style="2" customWidth="1"/>
    <col min="13267" max="13267" width="9.140625" style="2" customWidth="1"/>
    <col min="13268" max="13268" width="17.28515625" style="2" customWidth="1"/>
    <col min="13269" max="13269" width="4.85546875" style="2" customWidth="1"/>
    <col min="13270" max="13270" width="5.28515625" style="2" customWidth="1"/>
    <col min="13271" max="13271" width="18.5703125" style="2" customWidth="1"/>
    <col min="13272" max="13272" width="2.5703125" style="2" customWidth="1"/>
    <col min="13273" max="13273" width="17.140625" style="2" customWidth="1"/>
    <col min="13274" max="13520" width="4.140625" style="2"/>
    <col min="13521" max="13521" width="4.140625" style="2" customWidth="1"/>
    <col min="13522" max="13522" width="12.140625" style="2" customWidth="1"/>
    <col min="13523" max="13523" width="9.140625" style="2" customWidth="1"/>
    <col min="13524" max="13524" width="17.28515625" style="2" customWidth="1"/>
    <col min="13525" max="13525" width="4.85546875" style="2" customWidth="1"/>
    <col min="13526" max="13526" width="5.28515625" style="2" customWidth="1"/>
    <col min="13527" max="13527" width="18.5703125" style="2" customWidth="1"/>
    <col min="13528" max="13528" width="2.5703125" style="2" customWidth="1"/>
    <col min="13529" max="13529" width="17.140625" style="2" customWidth="1"/>
    <col min="13530" max="13776" width="4.140625" style="2"/>
    <col min="13777" max="13777" width="4.140625" style="2" customWidth="1"/>
    <col min="13778" max="13778" width="12.140625" style="2" customWidth="1"/>
    <col min="13779" max="13779" width="9.140625" style="2" customWidth="1"/>
    <col min="13780" max="13780" width="17.28515625" style="2" customWidth="1"/>
    <col min="13781" max="13781" width="4.85546875" style="2" customWidth="1"/>
    <col min="13782" max="13782" width="5.28515625" style="2" customWidth="1"/>
    <col min="13783" max="13783" width="18.5703125" style="2" customWidth="1"/>
    <col min="13784" max="13784" width="2.5703125" style="2" customWidth="1"/>
    <col min="13785" max="13785" width="17.140625" style="2" customWidth="1"/>
    <col min="13786" max="14032" width="4.140625" style="2"/>
    <col min="14033" max="14033" width="4.140625" style="2" customWidth="1"/>
    <col min="14034" max="14034" width="12.140625" style="2" customWidth="1"/>
    <col min="14035" max="14035" width="9.140625" style="2" customWidth="1"/>
    <col min="14036" max="14036" width="17.28515625" style="2" customWidth="1"/>
    <col min="14037" max="14037" width="4.85546875" style="2" customWidth="1"/>
    <col min="14038" max="14038" width="5.28515625" style="2" customWidth="1"/>
    <col min="14039" max="14039" width="18.5703125" style="2" customWidth="1"/>
    <col min="14040" max="14040" width="2.5703125" style="2" customWidth="1"/>
    <col min="14041" max="14041" width="17.140625" style="2" customWidth="1"/>
    <col min="14042" max="14288" width="4.140625" style="2"/>
    <col min="14289" max="14289" width="4.140625" style="2" customWidth="1"/>
    <col min="14290" max="14290" width="12.140625" style="2" customWidth="1"/>
    <col min="14291" max="14291" width="9.140625" style="2" customWidth="1"/>
    <col min="14292" max="14292" width="17.28515625" style="2" customWidth="1"/>
    <col min="14293" max="14293" width="4.85546875" style="2" customWidth="1"/>
    <col min="14294" max="14294" width="5.28515625" style="2" customWidth="1"/>
    <col min="14295" max="14295" width="18.5703125" style="2" customWidth="1"/>
    <col min="14296" max="14296" width="2.5703125" style="2" customWidth="1"/>
    <col min="14297" max="14297" width="17.140625" style="2" customWidth="1"/>
    <col min="14298" max="14544" width="4.140625" style="2"/>
    <col min="14545" max="14545" width="4.140625" style="2" customWidth="1"/>
    <col min="14546" max="14546" width="12.140625" style="2" customWidth="1"/>
    <col min="14547" max="14547" width="9.140625" style="2" customWidth="1"/>
    <col min="14548" max="14548" width="17.28515625" style="2" customWidth="1"/>
    <col min="14549" max="14549" width="4.85546875" style="2" customWidth="1"/>
    <col min="14550" max="14550" width="5.28515625" style="2" customWidth="1"/>
    <col min="14551" max="14551" width="18.5703125" style="2" customWidth="1"/>
    <col min="14552" max="14552" width="2.5703125" style="2" customWidth="1"/>
    <col min="14553" max="14553" width="17.140625" style="2" customWidth="1"/>
    <col min="14554" max="14800" width="4.140625" style="2"/>
    <col min="14801" max="14801" width="4.140625" style="2" customWidth="1"/>
    <col min="14802" max="14802" width="12.140625" style="2" customWidth="1"/>
    <col min="14803" max="14803" width="9.140625" style="2" customWidth="1"/>
    <col min="14804" max="14804" width="17.28515625" style="2" customWidth="1"/>
    <col min="14805" max="14805" width="4.85546875" style="2" customWidth="1"/>
    <col min="14806" max="14806" width="5.28515625" style="2" customWidth="1"/>
    <col min="14807" max="14807" width="18.5703125" style="2" customWidth="1"/>
    <col min="14808" max="14808" width="2.5703125" style="2" customWidth="1"/>
    <col min="14809" max="14809" width="17.140625" style="2" customWidth="1"/>
    <col min="14810" max="15056" width="4.140625" style="2"/>
    <col min="15057" max="15057" width="4.140625" style="2" customWidth="1"/>
    <col min="15058" max="15058" width="12.140625" style="2" customWidth="1"/>
    <col min="15059" max="15059" width="9.140625" style="2" customWidth="1"/>
    <col min="15060" max="15060" width="17.28515625" style="2" customWidth="1"/>
    <col min="15061" max="15061" width="4.85546875" style="2" customWidth="1"/>
    <col min="15062" max="15062" width="5.28515625" style="2" customWidth="1"/>
    <col min="15063" max="15063" width="18.5703125" style="2" customWidth="1"/>
    <col min="15064" max="15064" width="2.5703125" style="2" customWidth="1"/>
    <col min="15065" max="15065" width="17.140625" style="2" customWidth="1"/>
    <col min="15066" max="15312" width="4.140625" style="2"/>
    <col min="15313" max="15313" width="4.140625" style="2" customWidth="1"/>
    <col min="15314" max="15314" width="12.140625" style="2" customWidth="1"/>
    <col min="15315" max="15315" width="9.140625" style="2" customWidth="1"/>
    <col min="15316" max="15316" width="17.28515625" style="2" customWidth="1"/>
    <col min="15317" max="15317" width="4.85546875" style="2" customWidth="1"/>
    <col min="15318" max="15318" width="5.28515625" style="2" customWidth="1"/>
    <col min="15319" max="15319" width="18.5703125" style="2" customWidth="1"/>
    <col min="15320" max="15320" width="2.5703125" style="2" customWidth="1"/>
    <col min="15321" max="15321" width="17.140625" style="2" customWidth="1"/>
    <col min="15322" max="15568" width="4.140625" style="2"/>
    <col min="15569" max="15569" width="4.140625" style="2" customWidth="1"/>
    <col min="15570" max="15570" width="12.140625" style="2" customWidth="1"/>
    <col min="15571" max="15571" width="9.140625" style="2" customWidth="1"/>
    <col min="15572" max="15572" width="17.28515625" style="2" customWidth="1"/>
    <col min="15573" max="15573" width="4.85546875" style="2" customWidth="1"/>
    <col min="15574" max="15574" width="5.28515625" style="2" customWidth="1"/>
    <col min="15575" max="15575" width="18.5703125" style="2" customWidth="1"/>
    <col min="15576" max="15576" width="2.5703125" style="2" customWidth="1"/>
    <col min="15577" max="15577" width="17.140625" style="2" customWidth="1"/>
    <col min="15578" max="15824" width="4.140625" style="2"/>
    <col min="15825" max="15825" width="4.140625" style="2" customWidth="1"/>
    <col min="15826" max="15826" width="12.140625" style="2" customWidth="1"/>
    <col min="15827" max="15827" width="9.140625" style="2" customWidth="1"/>
    <col min="15828" max="15828" width="17.28515625" style="2" customWidth="1"/>
    <col min="15829" max="15829" width="4.85546875" style="2" customWidth="1"/>
    <col min="15830" max="15830" width="5.28515625" style="2" customWidth="1"/>
    <col min="15831" max="15831" width="18.5703125" style="2" customWidth="1"/>
    <col min="15832" max="15832" width="2.5703125" style="2" customWidth="1"/>
    <col min="15833" max="15833" width="17.140625" style="2" customWidth="1"/>
    <col min="15834" max="16080" width="4.140625" style="2"/>
    <col min="16081" max="16081" width="4.140625" style="2" customWidth="1"/>
    <col min="16082" max="16082" width="12.140625" style="2" customWidth="1"/>
    <col min="16083" max="16083" width="9.140625" style="2" customWidth="1"/>
    <col min="16084" max="16084" width="17.28515625" style="2" customWidth="1"/>
    <col min="16085" max="16085" width="4.85546875" style="2" customWidth="1"/>
    <col min="16086" max="16086" width="5.28515625" style="2" customWidth="1"/>
    <col min="16087" max="16087" width="18.5703125" style="2" customWidth="1"/>
    <col min="16088" max="16088" width="2.5703125" style="2" customWidth="1"/>
    <col min="16089" max="16089" width="17.140625" style="2" customWidth="1"/>
    <col min="16090" max="16384" width="4.140625" style="2"/>
  </cols>
  <sheetData>
    <row r="1" spans="2:4" ht="14.25" customHeight="1" x14ac:dyDescent="0.2"/>
    <row r="2" spans="2:4" ht="14.25" customHeight="1" x14ac:dyDescent="0.2"/>
    <row r="3" spans="2:4" ht="14.25" customHeight="1" x14ac:dyDescent="0.2"/>
    <row r="4" spans="2:4" ht="14.25" customHeight="1" x14ac:dyDescent="0.2"/>
    <row r="5" spans="2:4" ht="14.25" customHeight="1" x14ac:dyDescent="0.2"/>
    <row r="6" spans="2:4" ht="14.25" customHeight="1" x14ac:dyDescent="0.2"/>
    <row r="7" spans="2:4" ht="14.25" customHeight="1" x14ac:dyDescent="0.2"/>
    <row r="8" spans="2:4" ht="14.25" customHeight="1" x14ac:dyDescent="0.2"/>
    <row r="9" spans="2:4" ht="14.25" customHeight="1" x14ac:dyDescent="0.2"/>
    <row r="10" spans="2:4" ht="17.25" customHeight="1" x14ac:dyDescent="0.2">
      <c r="B10" s="76" t="s">
        <v>0</v>
      </c>
      <c r="C10" s="76"/>
      <c r="D10" s="76"/>
    </row>
    <row r="11" spans="2:4" ht="13.5" customHeight="1" x14ac:dyDescent="0.2"/>
    <row r="12" spans="2:4" ht="14.25" customHeight="1" x14ac:dyDescent="0.2">
      <c r="B12" s="77" t="s">
        <v>19</v>
      </c>
      <c r="C12" s="77"/>
      <c r="D12" s="77"/>
    </row>
    <row r="13" spans="2:4" ht="14.25" customHeight="1" x14ac:dyDescent="0.2">
      <c r="B13" s="77" t="s">
        <v>21</v>
      </c>
      <c r="C13" s="77"/>
      <c r="D13" s="77"/>
    </row>
    <row r="14" spans="2:4" ht="14.25" customHeight="1" x14ac:dyDescent="0.2">
      <c r="B14" s="77" t="s">
        <v>3</v>
      </c>
      <c r="C14" s="77"/>
      <c r="D14" s="77"/>
    </row>
    <row r="15" spans="2:4" ht="14.25" customHeight="1" x14ac:dyDescent="0.2">
      <c r="B15" s="77" t="s">
        <v>4</v>
      </c>
      <c r="C15" s="77"/>
      <c r="D15" s="77"/>
    </row>
    <row r="16" spans="2:4" ht="14.25" customHeight="1" x14ac:dyDescent="0.2"/>
    <row r="17" spans="2:14" ht="14.25" customHeight="1" x14ac:dyDescent="0.2"/>
    <row r="18" spans="2:14" ht="14.25" customHeight="1" x14ac:dyDescent="0.2"/>
    <row r="19" spans="2:14" s="3" customFormat="1" ht="14.25" customHeight="1" x14ac:dyDescent="0.2"/>
    <row r="20" spans="2:14" s="3" customFormat="1" ht="14.25" customHeight="1" x14ac:dyDescent="0.2">
      <c r="B20" s="2"/>
      <c r="C20" s="2"/>
      <c r="D20" s="2"/>
    </row>
    <row r="21" spans="2:14" s="3" customFormat="1" ht="14.25" customHeight="1" thickBot="1" x14ac:dyDescent="0.25"/>
    <row r="22" spans="2:14" s="3" customFormat="1" ht="14.1" customHeight="1" thickTop="1" x14ac:dyDescent="0.2">
      <c r="B22" s="4"/>
      <c r="C22" s="4"/>
      <c r="D22" s="4"/>
    </row>
    <row r="23" spans="2:14" s="3" customFormat="1" ht="14.1" customHeight="1" x14ac:dyDescent="0.2"/>
    <row r="24" spans="2:14" s="3" customFormat="1" ht="20.25" customHeight="1" x14ac:dyDescent="0.2">
      <c r="B24" s="78" t="s">
        <v>83</v>
      </c>
      <c r="C24" s="78"/>
      <c r="D24" s="78"/>
    </row>
    <row r="25" spans="2:14" s="3" customFormat="1" ht="14.1" customHeight="1" x14ac:dyDescent="0.2"/>
    <row r="26" spans="2:14" s="3" customFormat="1" ht="14.1" customHeight="1" thickBot="1" x14ac:dyDescent="0.25">
      <c r="B26" s="5"/>
      <c r="C26" s="5"/>
      <c r="D26" s="5"/>
    </row>
    <row r="27" spans="2:14" s="3" customFormat="1" ht="14.25" customHeight="1" thickTop="1" x14ac:dyDescent="0.2"/>
    <row r="28" spans="2:14" s="3" customFormat="1" ht="14.25" customHeight="1" x14ac:dyDescent="0.2">
      <c r="B28" s="2"/>
      <c r="C28" s="2"/>
      <c r="D28" s="2"/>
    </row>
    <row r="29" spans="2:14" s="3" customFormat="1" ht="14.25" customHeight="1" x14ac:dyDescent="0.2">
      <c r="B29" s="2"/>
      <c r="C29" s="2"/>
      <c r="D29" s="2"/>
    </row>
    <row r="30" spans="2:14" ht="20.25" customHeight="1" x14ac:dyDescent="0.25">
      <c r="B30" s="76" t="s">
        <v>14</v>
      </c>
      <c r="C30" s="76"/>
      <c r="D30" s="76"/>
      <c r="N30" s="15"/>
    </row>
    <row r="31" spans="2:14" ht="14.25" customHeight="1" x14ac:dyDescent="0.25">
      <c r="M31" s="15"/>
      <c r="N31" s="15"/>
    </row>
    <row r="32" spans="2:14" ht="14.25" customHeight="1" x14ac:dyDescent="0.2"/>
    <row r="33" spans="19:19" ht="14.25" customHeight="1" x14ac:dyDescent="0.2"/>
    <row r="34" spans="19:19" ht="14.25" customHeight="1" x14ac:dyDescent="0.2"/>
    <row r="35" spans="19:19" ht="14.25" customHeight="1" x14ac:dyDescent="0.2"/>
    <row r="36" spans="19:19" ht="14.25" customHeight="1" x14ac:dyDescent="0.2"/>
    <row r="37" spans="19:19" ht="14.25" customHeight="1" x14ac:dyDescent="0.2"/>
    <row r="38" spans="19:19" ht="14.25" customHeight="1" x14ac:dyDescent="0.2"/>
    <row r="39" spans="19:19" ht="14.25" customHeight="1" x14ac:dyDescent="0.2">
      <c r="S39" s="23"/>
    </row>
    <row r="40" spans="19:19" ht="14.25" customHeight="1" x14ac:dyDescent="0.2">
      <c r="S40" s="23"/>
    </row>
    <row r="41" spans="19:19" ht="14.25" customHeight="1" x14ac:dyDescent="0.2"/>
    <row r="42" spans="19:19" ht="14.25" customHeight="1" x14ac:dyDescent="0.2"/>
    <row r="43" spans="19:19" ht="14.25" customHeight="1" x14ac:dyDescent="0.2"/>
    <row r="48" spans="19:19" ht="13.5" customHeight="1" x14ac:dyDescent="0.2"/>
    <row r="49" ht="13.5" hidden="1" customHeight="1" x14ac:dyDescent="0.2"/>
  </sheetData>
  <mergeCells count="7">
    <mergeCell ref="B30:D30"/>
    <mergeCell ref="B10:D10"/>
    <mergeCell ref="B12:D12"/>
    <mergeCell ref="B13:D13"/>
    <mergeCell ref="B14:D14"/>
    <mergeCell ref="B15:D15"/>
    <mergeCell ref="B24:D24"/>
  </mergeCells>
  <printOptions horizontalCentered="1"/>
  <pageMargins left="0.59055118110236227" right="0.59055118110236227" top="0.98425196850393704" bottom="0.98425196850393704" header="0" footer="0.59055118110236227"/>
  <pageSetup paperSize="9" orientation="portrait" r:id="rId1"/>
  <headerFooter alignWithMargins="0">
    <oddFooter>&amp;L&amp;"Arial,Fed"&amp;11Udbud&amp;C
&amp;G&amp;R&amp;"Arial,Fed"&amp;11Februar 2017</oddFooter>
  </headerFooter>
  <legacyDrawingHF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28"/>
  <sheetViews>
    <sheetView zoomScale="90" zoomScaleNormal="90" zoomScaleSheetLayoutView="100" workbookViewId="0">
      <selection activeCell="J20" sqref="J20:J21"/>
    </sheetView>
  </sheetViews>
  <sheetFormatPr defaultRowHeight="12.75" x14ac:dyDescent="0.2"/>
  <cols>
    <col min="1" max="1" width="1.140625" style="6" customWidth="1"/>
    <col min="2" max="2" width="4.140625" style="6" customWidth="1"/>
    <col min="3" max="3" width="19" style="6" customWidth="1"/>
    <col min="4" max="4" width="9.140625" style="6"/>
    <col min="5" max="5" width="4.85546875" style="6" customWidth="1"/>
    <col min="6" max="6" width="18.85546875" style="6" customWidth="1"/>
    <col min="7" max="7" width="5.28515625" style="6" customWidth="1"/>
    <col min="8" max="8" width="31.5703125" style="6" customWidth="1"/>
    <col min="9" max="16384" width="9.140625" style="6"/>
  </cols>
  <sheetData>
    <row r="1" spans="2:8" ht="14.1" customHeight="1" x14ac:dyDescent="0.2">
      <c r="E1" s="7"/>
    </row>
    <row r="2" spans="2:8" ht="48.75" customHeight="1" x14ac:dyDescent="0.2">
      <c r="B2" s="80" t="s">
        <v>79</v>
      </c>
      <c r="C2" s="80"/>
      <c r="D2" s="80"/>
      <c r="E2" s="80"/>
      <c r="F2" s="80"/>
      <c r="G2" s="80"/>
      <c r="H2" s="80"/>
    </row>
    <row r="3" spans="2:8" ht="7.5" customHeight="1" x14ac:dyDescent="0.2">
      <c r="B3" s="80"/>
      <c r="C3" s="80"/>
      <c r="D3" s="80"/>
      <c r="E3" s="80"/>
      <c r="F3" s="80"/>
      <c r="G3" s="80"/>
      <c r="H3" s="80"/>
    </row>
    <row r="4" spans="2:8" ht="14.25" customHeight="1" x14ac:dyDescent="0.2">
      <c r="E4" s="7"/>
    </row>
    <row r="5" spans="2:8" ht="7.5" customHeight="1" x14ac:dyDescent="0.2">
      <c r="B5" s="18"/>
      <c r="C5" s="18"/>
      <c r="D5" s="18"/>
      <c r="E5" s="18"/>
      <c r="F5" s="18"/>
      <c r="G5" s="18"/>
      <c r="H5" s="18"/>
    </row>
    <row r="6" spans="2:8" x14ac:dyDescent="0.2">
      <c r="B6" s="17" t="s">
        <v>78</v>
      </c>
      <c r="C6" s="9"/>
      <c r="D6" s="9"/>
      <c r="F6" s="10"/>
      <c r="G6" s="10"/>
      <c r="H6" s="10"/>
    </row>
    <row r="7" spans="2:8" ht="6.75" customHeight="1" x14ac:dyDescent="0.2">
      <c r="B7" s="8"/>
      <c r="C7" s="8"/>
      <c r="D7" s="8"/>
      <c r="E7" s="8"/>
      <c r="F7" s="9"/>
      <c r="G7" s="9"/>
      <c r="H7" s="9"/>
    </row>
    <row r="8" spans="2:8" ht="18" customHeight="1" x14ac:dyDescent="0.2">
      <c r="B8" s="11"/>
      <c r="C8" s="8" t="s">
        <v>5</v>
      </c>
      <c r="D8" s="8"/>
      <c r="E8" s="8"/>
      <c r="F8" s="9"/>
      <c r="G8" s="9"/>
      <c r="H8" s="19" t="s">
        <v>15</v>
      </c>
    </row>
    <row r="9" spans="2:8" ht="18" customHeight="1" x14ac:dyDescent="0.2">
      <c r="B9" s="11"/>
      <c r="C9" s="8" t="s">
        <v>6</v>
      </c>
      <c r="D9" s="8"/>
      <c r="E9" s="8"/>
      <c r="F9" s="9"/>
      <c r="G9" s="9"/>
      <c r="H9" s="19" t="s">
        <v>15</v>
      </c>
    </row>
    <row r="10" spans="2:8" ht="18" customHeight="1" x14ac:dyDescent="0.2">
      <c r="B10" s="11"/>
      <c r="C10" s="8" t="s">
        <v>7</v>
      </c>
      <c r="D10" s="8"/>
      <c r="E10" s="8"/>
      <c r="F10" s="9"/>
      <c r="G10" s="9"/>
      <c r="H10" s="19" t="s">
        <v>15</v>
      </c>
    </row>
    <row r="11" spans="2:8" ht="14.25" customHeight="1" x14ac:dyDescent="0.2">
      <c r="E11" s="7"/>
    </row>
    <row r="12" spans="2:8" ht="14.25" customHeight="1" x14ac:dyDescent="0.2">
      <c r="E12" s="7"/>
    </row>
    <row r="13" spans="2:8" ht="21" customHeight="1" x14ac:dyDescent="0.2">
      <c r="B13" s="9" t="s">
        <v>13</v>
      </c>
      <c r="D13" s="13"/>
      <c r="E13" s="13"/>
      <c r="F13" s="13"/>
      <c r="G13" s="13"/>
      <c r="H13" s="13"/>
    </row>
    <row r="14" spans="2:8" ht="21" customHeight="1" x14ac:dyDescent="0.2">
      <c r="B14" s="12"/>
      <c r="C14" s="12"/>
      <c r="D14" s="12"/>
      <c r="E14" s="13"/>
      <c r="F14" s="13"/>
      <c r="G14" s="13"/>
      <c r="H14" s="13"/>
    </row>
    <row r="15" spans="2:8" ht="21" customHeight="1" x14ac:dyDescent="0.2">
      <c r="B15" s="12"/>
      <c r="C15" s="12"/>
      <c r="D15" s="12"/>
      <c r="E15" s="13"/>
      <c r="F15" s="13"/>
      <c r="G15" s="13"/>
      <c r="H15" s="13"/>
    </row>
    <row r="16" spans="2:8" ht="14.25" customHeight="1" x14ac:dyDescent="0.2">
      <c r="E16" s="7"/>
    </row>
    <row r="17" spans="2:13" ht="14.25" customHeight="1" x14ac:dyDescent="0.2">
      <c r="E17" s="7"/>
    </row>
    <row r="18" spans="2:13" x14ac:dyDescent="0.2">
      <c r="B18" s="17" t="s">
        <v>16</v>
      </c>
      <c r="C18" s="9"/>
      <c r="D18" s="9"/>
      <c r="F18" s="10"/>
      <c r="G18" s="10"/>
      <c r="H18" s="10"/>
    </row>
    <row r="19" spans="2:13" ht="6.75" customHeight="1" x14ac:dyDescent="0.2">
      <c r="B19" s="8"/>
      <c r="C19" s="8"/>
      <c r="D19" s="8"/>
      <c r="E19" s="8"/>
      <c r="F19" s="9"/>
      <c r="G19" s="9"/>
      <c r="H19" s="9"/>
    </row>
    <row r="20" spans="2:13" ht="18" customHeight="1" x14ac:dyDescent="0.2">
      <c r="B20" s="11"/>
      <c r="C20" s="8" t="s">
        <v>80</v>
      </c>
      <c r="D20" s="8"/>
      <c r="E20" s="8"/>
      <c r="H20" s="19" t="s">
        <v>11</v>
      </c>
    </row>
    <row r="21" spans="2:13" ht="18" customHeight="1" x14ac:dyDescent="0.2">
      <c r="B21" s="11"/>
      <c r="C21" s="8" t="s">
        <v>81</v>
      </c>
      <c r="D21" s="8"/>
      <c r="E21" s="8"/>
      <c r="H21" s="19" t="s">
        <v>11</v>
      </c>
    </row>
    <row r="22" spans="2:13" ht="18" customHeight="1" x14ac:dyDescent="0.2">
      <c r="B22" s="11"/>
      <c r="C22" s="8" t="s">
        <v>82</v>
      </c>
      <c r="D22" s="8"/>
      <c r="E22" s="8"/>
      <c r="H22" s="19" t="s">
        <v>11</v>
      </c>
    </row>
    <row r="23" spans="2:13" ht="18" customHeight="1" x14ac:dyDescent="0.2">
      <c r="B23" s="8"/>
      <c r="C23" s="8"/>
      <c r="D23" s="8"/>
      <c r="E23" s="8"/>
      <c r="H23" s="19"/>
    </row>
    <row r="24" spans="2:13" ht="18" customHeight="1" x14ac:dyDescent="0.2">
      <c r="B24" s="8"/>
      <c r="C24" s="8"/>
      <c r="D24" s="8"/>
      <c r="E24" s="8"/>
      <c r="H24" s="19"/>
    </row>
    <row r="25" spans="2:13" ht="27" customHeight="1" x14ac:dyDescent="0.2">
      <c r="B25" s="8" t="s">
        <v>17</v>
      </c>
      <c r="C25" s="8"/>
      <c r="D25" s="12"/>
      <c r="E25" s="13"/>
      <c r="F25" s="13"/>
      <c r="G25" s="13"/>
      <c r="H25" s="9"/>
    </row>
    <row r="26" spans="2:13" ht="27" customHeight="1" x14ac:dyDescent="0.2">
      <c r="B26" s="8" t="s">
        <v>8</v>
      </c>
      <c r="C26" s="8"/>
      <c r="D26" s="12"/>
      <c r="E26" s="13"/>
      <c r="F26" s="13"/>
      <c r="G26" s="13"/>
      <c r="H26" s="9"/>
      <c r="M26" s="20"/>
    </row>
    <row r="27" spans="2:13" ht="27" customHeight="1" x14ac:dyDescent="0.2">
      <c r="B27" s="8" t="s">
        <v>59</v>
      </c>
      <c r="C27" s="8"/>
      <c r="D27" s="12"/>
      <c r="E27" s="13"/>
      <c r="F27" s="13"/>
      <c r="G27" s="13"/>
      <c r="H27" s="9"/>
      <c r="M27" s="20"/>
    </row>
    <row r="28" spans="2:13" ht="27" customHeight="1" x14ac:dyDescent="0.2">
      <c r="B28" s="8" t="s">
        <v>12</v>
      </c>
      <c r="C28" s="8"/>
      <c r="D28" s="12"/>
      <c r="E28" s="13"/>
      <c r="F28" s="13"/>
      <c r="G28" s="13"/>
      <c r="H28" s="9"/>
    </row>
    <row r="29" spans="2:13" ht="27" customHeight="1" x14ac:dyDescent="0.2">
      <c r="B29" s="8" t="s">
        <v>9</v>
      </c>
      <c r="C29" s="8"/>
      <c r="D29" s="12"/>
      <c r="E29" s="13"/>
      <c r="F29" s="13"/>
      <c r="G29" s="13"/>
      <c r="H29" s="9"/>
    </row>
    <row r="30" spans="2:13" ht="27" customHeight="1" x14ac:dyDescent="0.2">
      <c r="B30" s="8" t="s">
        <v>10</v>
      </c>
      <c r="C30" s="8"/>
      <c r="D30" s="12"/>
      <c r="E30" s="13"/>
      <c r="F30" s="13"/>
      <c r="G30" s="13"/>
      <c r="H30" s="9"/>
    </row>
    <row r="31" spans="2:13" ht="14.25" customHeight="1" x14ac:dyDescent="0.2">
      <c r="E31" s="7"/>
    </row>
    <row r="32" spans="2:13" ht="14.25" customHeight="1" x14ac:dyDescent="0.2">
      <c r="E32" s="7"/>
    </row>
    <row r="33" spans="2:8" ht="14.25" customHeight="1" x14ac:dyDescent="0.2">
      <c r="E33" s="7"/>
    </row>
    <row r="34" spans="2:8" ht="14.25" customHeight="1" x14ac:dyDescent="0.2">
      <c r="E34" s="7"/>
    </row>
    <row r="35" spans="2:8" ht="14.25" customHeight="1" x14ac:dyDescent="0.2">
      <c r="E35" s="7"/>
    </row>
    <row r="36" spans="2:8" ht="14.25" customHeight="1" x14ac:dyDescent="0.2">
      <c r="E36" s="7"/>
    </row>
    <row r="37" spans="2:8" ht="14.25" customHeight="1" x14ac:dyDescent="0.2">
      <c r="E37" s="7"/>
    </row>
    <row r="38" spans="2:8" ht="14.25" customHeight="1" x14ac:dyDescent="0.2">
      <c r="E38" s="7"/>
    </row>
    <row r="39" spans="2:8" ht="14.25" customHeight="1" x14ac:dyDescent="0.2"/>
    <row r="40" spans="2:8" ht="14.25" customHeight="1" x14ac:dyDescent="0.2">
      <c r="B40" s="79" t="s">
        <v>1</v>
      </c>
      <c r="C40" s="79"/>
      <c r="D40" s="14" t="s">
        <v>2</v>
      </c>
      <c r="E40" s="22"/>
      <c r="F40" s="79" t="s">
        <v>24</v>
      </c>
      <c r="G40" s="79"/>
      <c r="H40" s="79"/>
    </row>
    <row r="41" spans="2:8" ht="14.1" customHeight="1" x14ac:dyDescent="0.2">
      <c r="B41" s="2"/>
      <c r="C41" s="2"/>
      <c r="D41" s="2"/>
      <c r="E41" s="1"/>
      <c r="F41" s="2"/>
      <c r="G41" s="2"/>
      <c r="H41" s="2"/>
    </row>
    <row r="42" spans="2:8" s="9" customFormat="1" x14ac:dyDescent="0.2">
      <c r="B42" s="8"/>
      <c r="C42" s="8"/>
      <c r="D42" s="8"/>
      <c r="E42" s="8"/>
    </row>
    <row r="43" spans="2:8" s="9" customFormat="1" x14ac:dyDescent="0.2">
      <c r="B43" s="8"/>
      <c r="C43" s="8"/>
      <c r="D43" s="8"/>
      <c r="E43" s="8"/>
    </row>
    <row r="44" spans="2:8" s="9" customFormat="1" x14ac:dyDescent="0.2">
      <c r="B44" s="8"/>
      <c r="C44" s="8"/>
      <c r="D44" s="8"/>
      <c r="E44" s="8"/>
    </row>
    <row r="45" spans="2:8" s="9" customFormat="1" x14ac:dyDescent="0.2">
      <c r="B45" s="8"/>
      <c r="C45" s="8"/>
      <c r="D45" s="8"/>
      <c r="E45" s="8"/>
    </row>
    <row r="46" spans="2:8" s="9" customFormat="1" x14ac:dyDescent="0.2">
      <c r="B46" s="8"/>
      <c r="C46" s="8"/>
      <c r="D46" s="8"/>
      <c r="E46" s="8"/>
    </row>
    <row r="47" spans="2:8" s="9" customFormat="1" x14ac:dyDescent="0.2">
      <c r="B47" s="8"/>
      <c r="C47" s="8"/>
      <c r="D47" s="8"/>
      <c r="E47" s="8"/>
    </row>
    <row r="48" spans="2:8" s="9" customFormat="1" x14ac:dyDescent="0.2">
      <c r="B48" s="8"/>
      <c r="C48" s="8"/>
      <c r="D48" s="8"/>
      <c r="E48" s="8"/>
    </row>
    <row r="49" spans="2:5" s="9" customFormat="1" x14ac:dyDescent="0.2">
      <c r="B49" s="8"/>
      <c r="C49" s="8"/>
      <c r="D49" s="8"/>
      <c r="E49" s="8"/>
    </row>
    <row r="50" spans="2:5" s="9" customFormat="1" x14ac:dyDescent="0.2">
      <c r="B50" s="8"/>
      <c r="C50" s="8"/>
      <c r="D50" s="8"/>
      <c r="E50" s="8"/>
    </row>
    <row r="51" spans="2:5" s="9" customFormat="1" x14ac:dyDescent="0.2">
      <c r="B51" s="8"/>
      <c r="C51" s="8"/>
      <c r="D51" s="8"/>
      <c r="E51" s="8"/>
    </row>
    <row r="52" spans="2:5" s="9" customFormat="1" x14ac:dyDescent="0.2">
      <c r="B52" s="8"/>
      <c r="C52" s="8"/>
      <c r="D52" s="8"/>
      <c r="E52" s="8"/>
    </row>
    <row r="53" spans="2:5" s="9" customFormat="1" x14ac:dyDescent="0.2">
      <c r="B53" s="8"/>
      <c r="C53" s="8"/>
      <c r="D53" s="8"/>
      <c r="E53" s="8"/>
    </row>
    <row r="54" spans="2:5" s="9" customFormat="1" x14ac:dyDescent="0.2">
      <c r="B54" s="8"/>
      <c r="C54" s="8"/>
      <c r="D54" s="8"/>
      <c r="E54" s="8"/>
    </row>
    <row r="55" spans="2:5" s="9" customFormat="1" x14ac:dyDescent="0.2">
      <c r="B55" s="8"/>
      <c r="C55" s="8"/>
      <c r="D55" s="8"/>
      <c r="E55" s="8"/>
    </row>
    <row r="56" spans="2:5" s="9" customFormat="1" x14ac:dyDescent="0.2">
      <c r="B56" s="8"/>
      <c r="C56" s="8"/>
      <c r="D56" s="8"/>
      <c r="E56" s="8"/>
    </row>
    <row r="57" spans="2:5" s="9" customFormat="1" x14ac:dyDescent="0.2">
      <c r="B57" s="8"/>
      <c r="C57" s="8"/>
      <c r="D57" s="8"/>
      <c r="E57" s="8"/>
    </row>
    <row r="58" spans="2:5" s="9" customFormat="1" x14ac:dyDescent="0.2">
      <c r="B58" s="8"/>
      <c r="C58" s="8"/>
      <c r="D58" s="8"/>
      <c r="E58" s="8"/>
    </row>
    <row r="59" spans="2:5" s="9" customFormat="1" x14ac:dyDescent="0.2">
      <c r="B59" s="8"/>
      <c r="C59" s="8"/>
      <c r="D59" s="8"/>
      <c r="E59" s="8"/>
    </row>
    <row r="60" spans="2:5" s="9" customFormat="1" x14ac:dyDescent="0.2">
      <c r="B60" s="8"/>
      <c r="C60" s="8"/>
      <c r="D60" s="8"/>
      <c r="E60" s="8"/>
    </row>
    <row r="61" spans="2:5" s="9" customFormat="1" x14ac:dyDescent="0.2">
      <c r="B61" s="8"/>
      <c r="C61" s="8"/>
      <c r="D61" s="8"/>
      <c r="E61" s="8"/>
    </row>
    <row r="62" spans="2:5" s="9" customFormat="1" x14ac:dyDescent="0.2">
      <c r="B62" s="8"/>
      <c r="C62" s="8"/>
      <c r="D62" s="8"/>
      <c r="E62" s="8"/>
    </row>
    <row r="63" spans="2:5" s="9" customFormat="1" x14ac:dyDescent="0.2">
      <c r="B63" s="8"/>
      <c r="C63" s="8"/>
      <c r="D63" s="8"/>
      <c r="E63" s="8"/>
    </row>
    <row r="64" spans="2:5" s="9" customFormat="1" x14ac:dyDescent="0.2">
      <c r="B64" s="8"/>
      <c r="C64" s="8"/>
      <c r="D64" s="8"/>
      <c r="E64" s="8"/>
    </row>
    <row r="65" spans="2:5" s="9" customFormat="1" x14ac:dyDescent="0.2">
      <c r="B65" s="8"/>
      <c r="C65" s="8"/>
      <c r="D65" s="8"/>
      <c r="E65" s="8"/>
    </row>
    <row r="66" spans="2:5" s="9" customFormat="1" x14ac:dyDescent="0.2">
      <c r="B66" s="8"/>
      <c r="C66" s="8"/>
      <c r="D66" s="8"/>
      <c r="E66" s="8"/>
    </row>
    <row r="67" spans="2:5" s="9" customFormat="1" x14ac:dyDescent="0.2">
      <c r="B67" s="8"/>
      <c r="C67" s="8"/>
      <c r="D67" s="8"/>
      <c r="E67" s="8"/>
    </row>
    <row r="68" spans="2:5" s="9" customFormat="1" x14ac:dyDescent="0.2">
      <c r="B68" s="8"/>
      <c r="C68" s="8"/>
      <c r="D68" s="8"/>
      <c r="E68" s="8"/>
    </row>
    <row r="69" spans="2:5" s="9" customFormat="1" x14ac:dyDescent="0.2">
      <c r="B69" s="8"/>
      <c r="C69" s="8"/>
      <c r="D69" s="8"/>
      <c r="E69" s="8"/>
    </row>
    <row r="70" spans="2:5" s="9" customFormat="1" x14ac:dyDescent="0.2">
      <c r="B70" s="8"/>
      <c r="C70" s="8"/>
      <c r="D70" s="8"/>
      <c r="E70" s="8"/>
    </row>
    <row r="71" spans="2:5" s="9" customFormat="1" x14ac:dyDescent="0.2">
      <c r="B71" s="8"/>
      <c r="C71" s="8"/>
      <c r="D71" s="8"/>
      <c r="E71" s="8"/>
    </row>
    <row r="72" spans="2:5" s="9" customFormat="1" x14ac:dyDescent="0.2">
      <c r="B72" s="8"/>
      <c r="C72" s="8"/>
      <c r="D72" s="8"/>
      <c r="E72" s="8"/>
    </row>
    <row r="73" spans="2:5" s="9" customFormat="1" x14ac:dyDescent="0.2">
      <c r="B73" s="8"/>
      <c r="C73" s="8"/>
      <c r="D73" s="8"/>
      <c r="E73" s="8"/>
    </row>
    <row r="74" spans="2:5" s="9" customFormat="1" x14ac:dyDescent="0.2">
      <c r="B74" s="8"/>
      <c r="C74" s="8"/>
      <c r="D74" s="8"/>
      <c r="E74" s="8"/>
    </row>
    <row r="75" spans="2:5" s="9" customFormat="1" x14ac:dyDescent="0.2">
      <c r="B75" s="8"/>
      <c r="C75" s="8"/>
      <c r="D75" s="8"/>
      <c r="E75" s="8"/>
    </row>
    <row r="76" spans="2:5" s="9" customFormat="1" x14ac:dyDescent="0.2">
      <c r="B76" s="8"/>
      <c r="C76" s="8"/>
      <c r="D76" s="8"/>
      <c r="E76" s="8"/>
    </row>
    <row r="77" spans="2:5" s="9" customFormat="1" x14ac:dyDescent="0.2">
      <c r="B77" s="8"/>
      <c r="C77" s="8"/>
      <c r="D77" s="8"/>
      <c r="E77" s="8"/>
    </row>
    <row r="78" spans="2:5" s="9" customFormat="1" x14ac:dyDescent="0.2">
      <c r="B78" s="8"/>
      <c r="C78" s="8"/>
      <c r="D78" s="8"/>
      <c r="E78" s="8"/>
    </row>
    <row r="79" spans="2:5" s="9" customFormat="1" x14ac:dyDescent="0.2">
      <c r="B79" s="8"/>
      <c r="C79" s="8"/>
      <c r="D79" s="8"/>
      <c r="E79" s="8"/>
    </row>
    <row r="80" spans="2:5" s="9" customFormat="1" x14ac:dyDescent="0.2">
      <c r="B80" s="8"/>
      <c r="C80" s="8"/>
      <c r="D80" s="8"/>
      <c r="E80" s="8"/>
    </row>
    <row r="81" spans="2:5" s="9" customFormat="1" x14ac:dyDescent="0.2">
      <c r="B81" s="8"/>
      <c r="C81" s="8"/>
      <c r="D81" s="8"/>
      <c r="E81" s="8"/>
    </row>
    <row r="82" spans="2:5" s="9" customFormat="1" x14ac:dyDescent="0.2">
      <c r="B82" s="8"/>
      <c r="C82" s="8"/>
      <c r="D82" s="8"/>
      <c r="E82" s="8"/>
    </row>
    <row r="83" spans="2:5" s="9" customFormat="1" x14ac:dyDescent="0.2">
      <c r="B83" s="8"/>
      <c r="C83" s="8"/>
      <c r="D83" s="8"/>
      <c r="E83" s="8"/>
    </row>
    <row r="84" spans="2:5" s="9" customFormat="1" x14ac:dyDescent="0.2">
      <c r="B84" s="8"/>
      <c r="C84" s="8"/>
      <c r="D84" s="8"/>
      <c r="E84" s="8"/>
    </row>
    <row r="85" spans="2:5" s="9" customFormat="1" x14ac:dyDescent="0.2">
      <c r="B85" s="8"/>
      <c r="C85" s="8"/>
      <c r="D85" s="8"/>
      <c r="E85" s="8"/>
    </row>
    <row r="86" spans="2:5" s="9" customFormat="1" x14ac:dyDescent="0.2">
      <c r="B86" s="8"/>
      <c r="C86" s="8"/>
      <c r="D86" s="8"/>
      <c r="E86" s="8"/>
    </row>
    <row r="87" spans="2:5" s="9" customFormat="1" x14ac:dyDescent="0.2">
      <c r="B87" s="8"/>
      <c r="C87" s="8"/>
      <c r="D87" s="8"/>
      <c r="E87" s="8"/>
    </row>
    <row r="88" spans="2:5" s="9" customFormat="1" x14ac:dyDescent="0.2">
      <c r="B88" s="8"/>
      <c r="C88" s="8"/>
      <c r="D88" s="8"/>
      <c r="E88" s="8"/>
    </row>
    <row r="89" spans="2:5" s="9" customFormat="1" x14ac:dyDescent="0.2">
      <c r="B89" s="8"/>
      <c r="C89" s="8"/>
      <c r="D89" s="8"/>
      <c r="E89" s="8"/>
    </row>
    <row r="90" spans="2:5" s="9" customFormat="1" x14ac:dyDescent="0.2">
      <c r="B90" s="8"/>
      <c r="C90" s="8"/>
      <c r="D90" s="8"/>
      <c r="E90" s="8"/>
    </row>
    <row r="91" spans="2:5" s="9" customFormat="1" x14ac:dyDescent="0.2">
      <c r="B91" s="8"/>
      <c r="C91" s="8"/>
      <c r="D91" s="8"/>
      <c r="E91" s="8"/>
    </row>
    <row r="92" spans="2:5" s="9" customFormat="1" x14ac:dyDescent="0.2">
      <c r="B92" s="8"/>
      <c r="C92" s="8"/>
      <c r="D92" s="8"/>
      <c r="E92" s="8"/>
    </row>
    <row r="93" spans="2:5" s="9" customFormat="1" x14ac:dyDescent="0.2">
      <c r="B93" s="8"/>
      <c r="C93" s="8"/>
      <c r="D93" s="8"/>
      <c r="E93" s="8"/>
    </row>
    <row r="94" spans="2:5" s="9" customFormat="1" x14ac:dyDescent="0.2">
      <c r="B94" s="8"/>
      <c r="C94" s="8"/>
      <c r="D94" s="8"/>
      <c r="E94" s="8"/>
    </row>
    <row r="95" spans="2:5" s="9" customFormat="1" x14ac:dyDescent="0.2">
      <c r="B95" s="8"/>
      <c r="C95" s="8"/>
      <c r="D95" s="8"/>
      <c r="E95" s="8"/>
    </row>
    <row r="96" spans="2:5" s="9" customFormat="1" x14ac:dyDescent="0.2">
      <c r="B96" s="8"/>
      <c r="C96" s="8"/>
      <c r="D96" s="8"/>
      <c r="E96" s="8"/>
    </row>
    <row r="97" spans="2:5" s="9" customFormat="1" x14ac:dyDescent="0.2">
      <c r="B97" s="8"/>
      <c r="C97" s="8"/>
      <c r="D97" s="8"/>
      <c r="E97" s="8"/>
    </row>
    <row r="98" spans="2:5" s="9" customFormat="1" x14ac:dyDescent="0.2">
      <c r="B98" s="8"/>
      <c r="C98" s="8"/>
      <c r="D98" s="8"/>
      <c r="E98" s="8"/>
    </row>
    <row r="99" spans="2:5" s="9" customFormat="1" x14ac:dyDescent="0.2">
      <c r="B99" s="8"/>
      <c r="C99" s="8"/>
      <c r="D99" s="8"/>
      <c r="E99" s="8"/>
    </row>
    <row r="100" spans="2:5" s="9" customFormat="1" x14ac:dyDescent="0.2">
      <c r="B100" s="8"/>
      <c r="C100" s="8"/>
      <c r="D100" s="8"/>
      <c r="E100" s="8"/>
    </row>
    <row r="101" spans="2:5" s="9" customFormat="1" x14ac:dyDescent="0.2">
      <c r="B101" s="8"/>
      <c r="C101" s="8"/>
      <c r="D101" s="8"/>
      <c r="E101" s="8"/>
    </row>
    <row r="102" spans="2:5" s="9" customFormat="1" x14ac:dyDescent="0.2">
      <c r="B102" s="8"/>
      <c r="C102" s="8"/>
      <c r="D102" s="8"/>
      <c r="E102" s="8"/>
    </row>
    <row r="103" spans="2:5" s="9" customFormat="1" x14ac:dyDescent="0.2">
      <c r="B103" s="8"/>
      <c r="C103" s="8"/>
      <c r="D103" s="8"/>
      <c r="E103" s="8"/>
    </row>
    <row r="104" spans="2:5" s="9" customFormat="1" x14ac:dyDescent="0.2">
      <c r="B104" s="8"/>
      <c r="C104" s="8"/>
      <c r="D104" s="8"/>
      <c r="E104" s="8"/>
    </row>
    <row r="105" spans="2:5" s="9" customFormat="1" x14ac:dyDescent="0.2">
      <c r="B105" s="8"/>
      <c r="C105" s="8"/>
      <c r="D105" s="8"/>
      <c r="E105" s="8"/>
    </row>
    <row r="106" spans="2:5" s="9" customFormat="1" x14ac:dyDescent="0.2">
      <c r="B106" s="8"/>
      <c r="C106" s="8"/>
      <c r="D106" s="8"/>
      <c r="E106" s="8"/>
    </row>
    <row r="107" spans="2:5" s="9" customFormat="1" x14ac:dyDescent="0.2">
      <c r="B107" s="8"/>
      <c r="C107" s="8"/>
      <c r="D107" s="8"/>
      <c r="E107" s="8"/>
    </row>
    <row r="108" spans="2:5" s="9" customFormat="1" x14ac:dyDescent="0.2">
      <c r="B108" s="8"/>
      <c r="C108" s="8"/>
      <c r="D108" s="8"/>
      <c r="E108" s="8"/>
    </row>
    <row r="109" spans="2:5" s="9" customFormat="1" x14ac:dyDescent="0.2">
      <c r="B109" s="8"/>
      <c r="C109" s="8"/>
      <c r="D109" s="8"/>
      <c r="E109" s="8"/>
    </row>
    <row r="110" spans="2:5" s="9" customFormat="1" x14ac:dyDescent="0.2">
      <c r="B110" s="8"/>
      <c r="C110" s="8"/>
      <c r="D110" s="8"/>
      <c r="E110" s="8"/>
    </row>
    <row r="111" spans="2:5" s="9" customFormat="1" x14ac:dyDescent="0.2">
      <c r="B111" s="8"/>
      <c r="C111" s="8"/>
      <c r="D111" s="8"/>
      <c r="E111" s="8"/>
    </row>
    <row r="112" spans="2:5" s="9" customFormat="1" x14ac:dyDescent="0.2">
      <c r="B112" s="8"/>
      <c r="C112" s="8"/>
      <c r="D112" s="8"/>
      <c r="E112" s="8"/>
    </row>
    <row r="113" spans="2:5" s="9" customFormat="1" x14ac:dyDescent="0.2">
      <c r="B113" s="8"/>
      <c r="C113" s="8"/>
      <c r="D113" s="8"/>
      <c r="E113" s="8"/>
    </row>
    <row r="114" spans="2:5" s="9" customFormat="1" x14ac:dyDescent="0.2">
      <c r="B114" s="8"/>
      <c r="C114" s="8"/>
      <c r="D114" s="8"/>
      <c r="E114" s="8"/>
    </row>
    <row r="115" spans="2:5" s="9" customFormat="1" x14ac:dyDescent="0.2">
      <c r="B115" s="8"/>
      <c r="C115" s="8"/>
      <c r="D115" s="8"/>
      <c r="E115" s="8"/>
    </row>
    <row r="116" spans="2:5" s="9" customFormat="1" x14ac:dyDescent="0.2">
      <c r="B116" s="8"/>
      <c r="C116" s="8"/>
      <c r="D116" s="8"/>
      <c r="E116" s="8"/>
    </row>
    <row r="117" spans="2:5" s="9" customFormat="1" x14ac:dyDescent="0.2">
      <c r="B117" s="8"/>
      <c r="C117" s="8"/>
      <c r="D117" s="8"/>
      <c r="E117" s="8"/>
    </row>
    <row r="118" spans="2:5" s="9" customFormat="1" x14ac:dyDescent="0.2">
      <c r="B118" s="8"/>
      <c r="C118" s="8"/>
      <c r="D118" s="8"/>
      <c r="E118" s="8"/>
    </row>
    <row r="119" spans="2:5" s="9" customFormat="1" x14ac:dyDescent="0.2">
      <c r="B119" s="8"/>
      <c r="C119" s="8"/>
      <c r="D119" s="8"/>
      <c r="E119" s="8"/>
    </row>
    <row r="120" spans="2:5" s="9" customFormat="1" x14ac:dyDescent="0.2">
      <c r="B120" s="8"/>
      <c r="C120" s="8"/>
      <c r="D120" s="8"/>
      <c r="E120" s="8"/>
    </row>
    <row r="121" spans="2:5" s="9" customFormat="1" x14ac:dyDescent="0.2">
      <c r="B121" s="8"/>
      <c r="C121" s="8"/>
      <c r="D121" s="8"/>
      <c r="E121" s="8"/>
    </row>
    <row r="122" spans="2:5" s="9" customFormat="1" x14ac:dyDescent="0.2">
      <c r="B122" s="8"/>
      <c r="C122" s="8"/>
      <c r="D122" s="8"/>
      <c r="E122" s="8"/>
    </row>
    <row r="123" spans="2:5" s="9" customFormat="1" x14ac:dyDescent="0.2">
      <c r="B123" s="8"/>
      <c r="C123" s="8"/>
      <c r="D123" s="8"/>
      <c r="E123" s="8"/>
    </row>
    <row r="124" spans="2:5" s="9" customFormat="1" x14ac:dyDescent="0.2">
      <c r="B124" s="8"/>
      <c r="C124" s="8"/>
      <c r="D124" s="8"/>
      <c r="E124" s="8"/>
    </row>
    <row r="125" spans="2:5" s="9" customFormat="1" x14ac:dyDescent="0.2">
      <c r="B125" s="8"/>
      <c r="C125" s="8"/>
      <c r="D125" s="8"/>
      <c r="E125" s="8"/>
    </row>
    <row r="126" spans="2:5" s="9" customFormat="1" x14ac:dyDescent="0.2">
      <c r="B126" s="8"/>
      <c r="C126" s="8"/>
      <c r="D126" s="8"/>
      <c r="E126" s="8"/>
    </row>
    <row r="127" spans="2:5" s="9" customFormat="1" x14ac:dyDescent="0.2">
      <c r="B127" s="8"/>
      <c r="C127" s="8"/>
      <c r="D127" s="8"/>
      <c r="E127" s="8"/>
    </row>
    <row r="128" spans="2:5" s="9" customFormat="1" x14ac:dyDescent="0.2">
      <c r="B128" s="8"/>
      <c r="C128" s="8"/>
      <c r="D128" s="8"/>
      <c r="E128" s="8"/>
    </row>
  </sheetData>
  <mergeCells count="4">
    <mergeCell ref="B40:C40"/>
    <mergeCell ref="B2:H2"/>
    <mergeCell ref="B3:H3"/>
    <mergeCell ref="F40:H40"/>
  </mergeCells>
  <phoneticPr fontId="5" type="noConversion"/>
  <printOptions horizontalCentered="1"/>
  <pageMargins left="0.59055118110236227" right="0" top="0.98425196850393704" bottom="0.98425196850393704" header="0.39370078740157483" footer="0.59055118110236227"/>
  <pageSetup paperSize="9" firstPageNumber="2" orientation="portrait" useFirstPageNumber="1" r:id="rId1"/>
  <headerFooter alignWithMargins="0">
    <oddHeader>&amp;C&amp;"Arial,Fed"&amp;11ASFALTARBEJDER AALBORG KOMMUNE 2017
OPLYSNINGER&amp;RSIDE &amp;P</oddHeader>
    <oddFooter>&amp;L&amp;"Arial,Fed"&amp;11Udbud&amp;C
&amp;G&amp;R&amp;"Arial,Fed"&amp;11Februar 2017</oddFooter>
  </headerFooter>
  <legacyDrawingHF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24"/>
  <sheetViews>
    <sheetView zoomScale="90" zoomScaleNormal="90" zoomScaleSheetLayoutView="100" workbookViewId="0">
      <selection activeCell="C8" sqref="C8:C20"/>
    </sheetView>
  </sheetViews>
  <sheetFormatPr defaultRowHeight="12.75" x14ac:dyDescent="0.2"/>
  <cols>
    <col min="1" max="1" width="0.85546875" style="6" customWidth="1"/>
    <col min="2" max="2" width="13.5703125" style="6" customWidth="1"/>
    <col min="3" max="3" width="44.28515625" style="6" customWidth="1"/>
    <col min="4" max="4" width="32.28515625" style="6" customWidth="1"/>
    <col min="5" max="5" width="6.28515625" style="6" customWidth="1"/>
    <col min="6" max="6" width="15.5703125" style="6" customWidth="1"/>
    <col min="7" max="16384" width="9.140625" style="6"/>
  </cols>
  <sheetData>
    <row r="1" spans="2:13" s="9" customFormat="1" ht="18" customHeight="1" thickTop="1" x14ac:dyDescent="0.2">
      <c r="B1" s="29" t="s">
        <v>27</v>
      </c>
      <c r="C1" s="30" t="s">
        <v>28</v>
      </c>
      <c r="D1" s="31" t="s">
        <v>29</v>
      </c>
      <c r="E1" s="19"/>
    </row>
    <row r="2" spans="2:13" s="9" customFormat="1" ht="18" customHeight="1" thickBot="1" x14ac:dyDescent="0.25">
      <c r="B2" s="32" t="s">
        <v>30</v>
      </c>
      <c r="C2" s="33"/>
      <c r="D2" s="34" t="s">
        <v>31</v>
      </c>
      <c r="E2" s="28"/>
      <c r="F2" s="28"/>
    </row>
    <row r="3" spans="2:13" s="9" customFormat="1" ht="22.5" customHeight="1" thickTop="1" x14ac:dyDescent="0.2">
      <c r="B3" s="68">
        <v>1</v>
      </c>
      <c r="C3" s="67" t="s">
        <v>65</v>
      </c>
      <c r="D3" s="69"/>
      <c r="E3" s="16"/>
      <c r="F3" s="16"/>
      <c r="G3" s="16"/>
      <c r="H3" s="16"/>
      <c r="I3" s="16"/>
      <c r="J3" s="70"/>
      <c r="K3" s="16"/>
      <c r="L3" s="16"/>
      <c r="M3" s="16"/>
    </row>
    <row r="4" spans="2:13" s="9" customFormat="1" ht="22.5" customHeight="1" x14ac:dyDescent="0.2">
      <c r="B4" s="71">
        <v>2</v>
      </c>
      <c r="C4" s="75" t="s">
        <v>66</v>
      </c>
      <c r="D4" s="72"/>
      <c r="E4" s="16"/>
      <c r="F4" s="16"/>
      <c r="G4" s="16"/>
      <c r="H4" s="16"/>
      <c r="I4" s="16"/>
      <c r="J4" s="70"/>
      <c r="K4" s="16"/>
      <c r="L4" s="16"/>
      <c r="M4" s="16"/>
    </row>
    <row r="5" spans="2:13" s="9" customFormat="1" ht="22.5" customHeight="1" x14ac:dyDescent="0.2">
      <c r="B5" s="71">
        <v>3</v>
      </c>
      <c r="C5" s="75" t="s">
        <v>37</v>
      </c>
      <c r="D5" s="72"/>
      <c r="E5" s="16"/>
      <c r="F5" s="16"/>
      <c r="G5" s="16"/>
      <c r="H5" s="16"/>
      <c r="I5" s="16"/>
      <c r="J5" s="70"/>
      <c r="K5" s="16"/>
      <c r="L5" s="16"/>
      <c r="M5" s="16"/>
    </row>
    <row r="6" spans="2:13" s="9" customFormat="1" ht="22.5" customHeight="1" x14ac:dyDescent="0.2">
      <c r="B6" s="71">
        <v>4</v>
      </c>
      <c r="C6" s="75" t="s">
        <v>67</v>
      </c>
      <c r="D6" s="72"/>
      <c r="E6" s="16"/>
      <c r="F6" s="16"/>
      <c r="G6" s="16"/>
      <c r="H6" s="16"/>
      <c r="I6" s="16"/>
      <c r="J6" s="70"/>
      <c r="K6" s="16"/>
      <c r="L6" s="16"/>
      <c r="M6" s="16"/>
    </row>
    <row r="7" spans="2:13" s="9" customFormat="1" ht="22.5" customHeight="1" x14ac:dyDescent="0.2">
      <c r="B7" s="71">
        <v>5</v>
      </c>
      <c r="C7" s="75" t="s">
        <v>32</v>
      </c>
      <c r="D7" s="72"/>
      <c r="E7" s="16"/>
      <c r="F7" s="16"/>
      <c r="G7" s="16"/>
      <c r="H7" s="16"/>
      <c r="I7" s="16"/>
      <c r="J7" s="70"/>
      <c r="K7" s="16"/>
      <c r="L7" s="16"/>
      <c r="M7" s="16"/>
    </row>
    <row r="8" spans="2:13" s="9" customFormat="1" ht="22.5" customHeight="1" x14ac:dyDescent="0.2">
      <c r="B8" s="71">
        <v>6</v>
      </c>
      <c r="C8" s="75" t="s">
        <v>84</v>
      </c>
      <c r="D8" s="72"/>
      <c r="E8" s="16"/>
      <c r="F8" s="16"/>
      <c r="G8" s="16"/>
      <c r="H8" s="16"/>
      <c r="I8" s="16"/>
      <c r="J8" s="70"/>
      <c r="K8" s="16"/>
      <c r="L8" s="16"/>
      <c r="M8" s="16"/>
    </row>
    <row r="9" spans="2:13" s="9" customFormat="1" ht="22.5" customHeight="1" x14ac:dyDescent="0.2">
      <c r="B9" s="71">
        <v>7</v>
      </c>
      <c r="C9" s="75" t="s">
        <v>68</v>
      </c>
      <c r="D9" s="72"/>
      <c r="E9" s="16"/>
      <c r="F9" s="16"/>
      <c r="G9" s="16"/>
      <c r="H9" s="16"/>
      <c r="I9" s="16"/>
      <c r="J9" s="70"/>
      <c r="K9" s="16"/>
      <c r="L9" s="16"/>
      <c r="M9" s="16"/>
    </row>
    <row r="10" spans="2:13" s="9" customFormat="1" ht="22.5" customHeight="1" x14ac:dyDescent="0.2">
      <c r="B10" s="71">
        <v>8</v>
      </c>
      <c r="C10" s="75" t="s">
        <v>38</v>
      </c>
      <c r="D10" s="72"/>
      <c r="E10" s="16"/>
      <c r="F10" s="16"/>
      <c r="G10" s="16"/>
      <c r="H10" s="16"/>
      <c r="I10" s="16"/>
      <c r="J10" s="70"/>
      <c r="K10" s="16"/>
      <c r="L10" s="16"/>
      <c r="M10" s="16"/>
    </row>
    <row r="11" spans="2:13" s="9" customFormat="1" ht="22.5" customHeight="1" x14ac:dyDescent="0.2">
      <c r="B11" s="71">
        <v>9</v>
      </c>
      <c r="C11" s="75" t="s">
        <v>69</v>
      </c>
      <c r="D11" s="72"/>
      <c r="E11" s="16"/>
      <c r="F11" s="16"/>
      <c r="G11" s="16"/>
      <c r="H11" s="16"/>
      <c r="I11" s="16"/>
      <c r="J11" s="70"/>
      <c r="K11" s="16"/>
      <c r="L11" s="16"/>
      <c r="M11" s="16"/>
    </row>
    <row r="12" spans="2:13" s="9" customFormat="1" ht="22.5" customHeight="1" x14ac:dyDescent="0.2">
      <c r="B12" s="71">
        <v>10</v>
      </c>
      <c r="C12" s="75" t="s">
        <v>70</v>
      </c>
      <c r="D12" s="72"/>
      <c r="E12" s="16"/>
      <c r="F12" s="16"/>
      <c r="G12" s="16"/>
      <c r="H12" s="16"/>
      <c r="I12" s="16"/>
      <c r="J12" s="70"/>
      <c r="K12" s="16"/>
      <c r="L12" s="16"/>
      <c r="M12" s="16"/>
    </row>
    <row r="13" spans="2:13" s="9" customFormat="1" ht="22.5" customHeight="1" x14ac:dyDescent="0.2">
      <c r="B13" s="71">
        <v>11</v>
      </c>
      <c r="C13" s="75" t="s">
        <v>71</v>
      </c>
      <c r="D13" s="72"/>
      <c r="E13" s="16"/>
      <c r="F13" s="16"/>
      <c r="G13" s="16"/>
      <c r="H13" s="16"/>
      <c r="I13" s="16"/>
      <c r="J13" s="70"/>
      <c r="K13" s="16"/>
      <c r="L13" s="16"/>
      <c r="M13" s="16"/>
    </row>
    <row r="14" spans="2:13" s="9" customFormat="1" ht="22.5" customHeight="1" x14ac:dyDescent="0.2">
      <c r="B14" s="71">
        <v>12</v>
      </c>
      <c r="C14" s="75" t="s">
        <v>33</v>
      </c>
      <c r="D14" s="72"/>
      <c r="E14" s="16"/>
      <c r="F14" s="16"/>
      <c r="G14" s="16"/>
      <c r="H14" s="16"/>
      <c r="I14" s="16"/>
      <c r="J14" s="70"/>
      <c r="K14" s="16"/>
      <c r="L14" s="16"/>
      <c r="M14" s="16"/>
    </row>
    <row r="15" spans="2:13" s="9" customFormat="1" ht="22.5" customHeight="1" x14ac:dyDescent="0.2">
      <c r="B15" s="71">
        <v>13</v>
      </c>
      <c r="C15" s="75" t="s">
        <v>72</v>
      </c>
      <c r="D15" s="72"/>
      <c r="E15" s="16"/>
      <c r="F15" s="16"/>
      <c r="G15" s="16"/>
      <c r="H15" s="16"/>
      <c r="I15" s="16"/>
      <c r="J15" s="70"/>
      <c r="K15" s="16"/>
      <c r="L15" s="16"/>
      <c r="M15" s="16"/>
    </row>
    <row r="16" spans="2:13" s="9" customFormat="1" ht="22.5" customHeight="1" x14ac:dyDescent="0.2">
      <c r="B16" s="71">
        <v>14</v>
      </c>
      <c r="C16" s="75" t="s">
        <v>73</v>
      </c>
      <c r="D16" s="72"/>
      <c r="E16" s="16"/>
      <c r="F16" s="16"/>
      <c r="G16" s="16"/>
      <c r="H16" s="16"/>
      <c r="I16" s="16"/>
      <c r="J16" s="70"/>
      <c r="K16" s="16"/>
      <c r="L16" s="16"/>
      <c r="M16" s="16"/>
    </row>
    <row r="17" spans="2:13" s="9" customFormat="1" ht="22.5" customHeight="1" x14ac:dyDescent="0.2">
      <c r="B17" s="71">
        <v>15</v>
      </c>
      <c r="C17" s="75" t="s">
        <v>74</v>
      </c>
      <c r="D17" s="72"/>
      <c r="E17" s="16"/>
      <c r="F17" s="16"/>
      <c r="G17" s="16"/>
      <c r="H17" s="16"/>
      <c r="I17" s="16"/>
      <c r="J17" s="70"/>
      <c r="K17" s="16"/>
      <c r="L17" s="16"/>
      <c r="M17" s="16"/>
    </row>
    <row r="18" spans="2:13" s="9" customFormat="1" ht="22.5" customHeight="1" x14ac:dyDescent="0.2">
      <c r="B18" s="71">
        <v>16</v>
      </c>
      <c r="C18" s="75" t="s">
        <v>75</v>
      </c>
      <c r="D18" s="72"/>
      <c r="E18" s="16"/>
      <c r="F18" s="16"/>
      <c r="G18" s="16"/>
      <c r="H18" s="16"/>
      <c r="I18" s="16"/>
      <c r="J18" s="70"/>
      <c r="K18" s="16"/>
      <c r="L18" s="16"/>
      <c r="M18" s="16"/>
    </row>
    <row r="19" spans="2:13" s="9" customFormat="1" ht="22.5" customHeight="1" x14ac:dyDescent="0.2">
      <c r="B19" s="71">
        <v>17</v>
      </c>
      <c r="C19" s="75" t="s">
        <v>76</v>
      </c>
      <c r="D19" s="72"/>
      <c r="E19" s="16"/>
      <c r="F19" s="16"/>
      <c r="G19" s="16"/>
      <c r="H19" s="16"/>
      <c r="I19" s="16"/>
      <c r="J19" s="70"/>
      <c r="K19" s="16"/>
      <c r="L19" s="16"/>
      <c r="M19" s="16"/>
    </row>
    <row r="20" spans="2:13" s="9" customFormat="1" ht="22.5" customHeight="1" x14ac:dyDescent="0.2">
      <c r="B20" s="71">
        <v>18</v>
      </c>
      <c r="C20" s="75" t="s">
        <v>39</v>
      </c>
      <c r="D20" s="72"/>
      <c r="E20" s="16"/>
      <c r="F20" s="16"/>
      <c r="G20" s="16"/>
      <c r="H20" s="16"/>
      <c r="I20" s="16"/>
      <c r="J20" s="70"/>
      <c r="K20" s="16"/>
      <c r="L20" s="16"/>
      <c r="M20" s="16"/>
    </row>
    <row r="21" spans="2:13" s="9" customFormat="1" ht="22.5" customHeight="1" x14ac:dyDescent="0.2">
      <c r="B21" s="71">
        <v>19</v>
      </c>
      <c r="C21" s="75" t="s">
        <v>77</v>
      </c>
      <c r="D21" s="72"/>
      <c r="E21" s="16"/>
      <c r="F21" s="16"/>
      <c r="G21" s="16"/>
      <c r="H21" s="16"/>
      <c r="I21" s="16"/>
      <c r="J21" s="70"/>
      <c r="K21" s="16"/>
      <c r="L21" s="16"/>
      <c r="M21" s="16"/>
    </row>
    <row r="22" spans="2:13" s="9" customFormat="1" ht="22.5" customHeight="1" thickBot="1" x14ac:dyDescent="0.25">
      <c r="B22" s="71">
        <v>20</v>
      </c>
      <c r="C22" s="73" t="s">
        <v>34</v>
      </c>
      <c r="D22" s="74"/>
      <c r="E22" s="19"/>
    </row>
    <row r="23" spans="2:13" ht="22.5" customHeight="1" thickTop="1" x14ac:dyDescent="0.2">
      <c r="B23" s="29"/>
      <c r="C23" s="36" t="s">
        <v>29</v>
      </c>
      <c r="D23" s="37"/>
      <c r="E23" s="7"/>
    </row>
    <row r="24" spans="2:13" ht="22.5" customHeight="1" x14ac:dyDescent="0.2">
      <c r="B24" s="38"/>
      <c r="C24" s="39" t="s">
        <v>35</v>
      </c>
      <c r="D24" s="35"/>
      <c r="E24" s="7"/>
    </row>
    <row r="25" spans="2:13" ht="22.5" customHeight="1" thickBot="1" x14ac:dyDescent="0.25">
      <c r="B25" s="40"/>
      <c r="C25" s="41" t="s">
        <v>36</v>
      </c>
      <c r="D25" s="42"/>
      <c r="E25" s="7"/>
    </row>
    <row r="26" spans="2:13" ht="14.25" customHeight="1" thickTop="1" x14ac:dyDescent="0.2">
      <c r="E26" s="7"/>
    </row>
    <row r="27" spans="2:13" ht="14.25" customHeight="1" x14ac:dyDescent="0.2">
      <c r="E27" s="7"/>
    </row>
    <row r="28" spans="2:13" ht="14.25" customHeight="1" x14ac:dyDescent="0.2">
      <c r="E28" s="7"/>
    </row>
    <row r="29" spans="2:13" ht="14.25" customHeight="1" x14ac:dyDescent="0.2">
      <c r="E29" s="7"/>
    </row>
    <row r="30" spans="2:13" ht="14.25" customHeight="1" x14ac:dyDescent="0.2">
      <c r="E30" s="7"/>
    </row>
    <row r="31" spans="2:13" ht="14.25" customHeight="1" x14ac:dyDescent="0.2">
      <c r="E31" s="7"/>
    </row>
    <row r="32" spans="2:13" ht="14.25" customHeight="1" x14ac:dyDescent="0.2">
      <c r="E32" s="7"/>
    </row>
    <row r="33" spans="2:6" ht="14.25" customHeight="1" x14ac:dyDescent="0.2">
      <c r="E33" s="7"/>
    </row>
    <row r="34" spans="2:6" ht="14.25" customHeight="1" x14ac:dyDescent="0.2">
      <c r="E34" s="7"/>
    </row>
    <row r="35" spans="2:6" ht="14.25" customHeight="1" x14ac:dyDescent="0.2">
      <c r="E35" s="7"/>
    </row>
    <row r="36" spans="2:6" ht="14.25" customHeight="1" x14ac:dyDescent="0.2">
      <c r="B36" s="21" t="s">
        <v>1</v>
      </c>
      <c r="C36" s="14" t="s">
        <v>2</v>
      </c>
      <c r="D36" s="22" t="s">
        <v>24</v>
      </c>
      <c r="E36" s="7"/>
    </row>
    <row r="37" spans="2:6" ht="14.1" customHeight="1" x14ac:dyDescent="0.2">
      <c r="B37" s="2"/>
      <c r="C37" s="2"/>
      <c r="D37" s="2"/>
      <c r="E37" s="7"/>
    </row>
    <row r="38" spans="2:6" s="9" customFormat="1" x14ac:dyDescent="0.2">
      <c r="B38" s="8"/>
      <c r="C38" s="8"/>
      <c r="D38" s="8"/>
      <c r="E38" s="7"/>
      <c r="F38" s="6"/>
    </row>
    <row r="39" spans="2:6" s="9" customFormat="1" x14ac:dyDescent="0.2">
      <c r="B39" s="8"/>
      <c r="C39" s="8"/>
      <c r="D39" s="8"/>
      <c r="E39" s="8"/>
    </row>
    <row r="40" spans="2:6" s="9" customFormat="1" x14ac:dyDescent="0.2">
      <c r="B40" s="8"/>
      <c r="C40" s="8"/>
      <c r="D40" s="8"/>
      <c r="E40" s="8"/>
    </row>
    <row r="41" spans="2:6" s="9" customFormat="1" x14ac:dyDescent="0.2">
      <c r="B41" s="8"/>
      <c r="C41" s="8"/>
      <c r="D41" s="8"/>
      <c r="E41" s="8"/>
    </row>
    <row r="42" spans="2:6" s="9" customFormat="1" x14ac:dyDescent="0.2">
      <c r="B42" s="8"/>
      <c r="C42" s="8"/>
      <c r="D42" s="8"/>
      <c r="E42" s="8"/>
    </row>
    <row r="43" spans="2:6" s="9" customFormat="1" x14ac:dyDescent="0.2">
      <c r="B43" s="8"/>
      <c r="C43" s="8"/>
      <c r="D43" s="8"/>
      <c r="E43" s="8"/>
    </row>
    <row r="44" spans="2:6" s="9" customFormat="1" x14ac:dyDescent="0.2">
      <c r="B44" s="8"/>
      <c r="C44" s="8"/>
      <c r="D44" s="8"/>
      <c r="E44" s="8"/>
    </row>
    <row r="45" spans="2:6" s="9" customFormat="1" x14ac:dyDescent="0.2">
      <c r="B45" s="8"/>
      <c r="C45" s="8"/>
      <c r="D45" s="8"/>
      <c r="E45" s="8"/>
    </row>
    <row r="46" spans="2:6" s="9" customFormat="1" x14ac:dyDescent="0.2">
      <c r="B46" s="8"/>
      <c r="C46" s="8"/>
      <c r="D46" s="8"/>
      <c r="E46" s="8"/>
    </row>
    <row r="47" spans="2:6" s="9" customFormat="1" x14ac:dyDescent="0.2">
      <c r="B47" s="8"/>
      <c r="C47" s="8"/>
      <c r="D47" s="8"/>
      <c r="E47" s="8"/>
    </row>
    <row r="48" spans="2:6" s="9" customFormat="1" x14ac:dyDescent="0.2">
      <c r="B48" s="8"/>
      <c r="C48" s="8"/>
      <c r="D48" s="8"/>
      <c r="E48" s="8"/>
    </row>
    <row r="49" spans="2:5" s="9" customFormat="1" x14ac:dyDescent="0.2">
      <c r="B49" s="8"/>
      <c r="C49" s="8"/>
      <c r="D49" s="8"/>
      <c r="E49" s="8"/>
    </row>
    <row r="50" spans="2:5" s="9" customFormat="1" x14ac:dyDescent="0.2">
      <c r="B50" s="8"/>
      <c r="C50" s="8"/>
      <c r="D50" s="8"/>
      <c r="E50" s="8"/>
    </row>
    <row r="51" spans="2:5" s="9" customFormat="1" x14ac:dyDescent="0.2">
      <c r="B51" s="8"/>
      <c r="C51" s="8"/>
      <c r="D51" s="8"/>
      <c r="E51" s="8"/>
    </row>
    <row r="52" spans="2:5" s="9" customFormat="1" x14ac:dyDescent="0.2">
      <c r="B52" s="8"/>
      <c r="C52" s="8"/>
      <c r="D52" s="8"/>
      <c r="E52" s="8"/>
    </row>
    <row r="53" spans="2:5" s="9" customFormat="1" x14ac:dyDescent="0.2">
      <c r="B53" s="8"/>
      <c r="C53" s="8"/>
      <c r="D53" s="8"/>
      <c r="E53" s="8"/>
    </row>
    <row r="54" spans="2:5" s="9" customFormat="1" x14ac:dyDescent="0.2">
      <c r="B54" s="8"/>
      <c r="C54" s="8"/>
      <c r="D54" s="8"/>
      <c r="E54" s="8"/>
    </row>
    <row r="55" spans="2:5" s="9" customFormat="1" x14ac:dyDescent="0.2">
      <c r="B55" s="8"/>
      <c r="C55" s="8"/>
      <c r="D55" s="8"/>
      <c r="E55" s="8"/>
    </row>
    <row r="56" spans="2:5" s="9" customFormat="1" x14ac:dyDescent="0.2">
      <c r="B56" s="8"/>
      <c r="C56" s="8"/>
      <c r="D56" s="8"/>
      <c r="E56" s="8"/>
    </row>
    <row r="57" spans="2:5" s="9" customFormat="1" x14ac:dyDescent="0.2">
      <c r="B57" s="8"/>
      <c r="C57" s="8"/>
      <c r="D57" s="8"/>
      <c r="E57" s="8"/>
    </row>
    <row r="58" spans="2:5" s="9" customFormat="1" x14ac:dyDescent="0.2">
      <c r="B58" s="8"/>
      <c r="C58" s="8"/>
      <c r="D58" s="8"/>
      <c r="E58" s="8"/>
    </row>
    <row r="59" spans="2:5" s="9" customFormat="1" x14ac:dyDescent="0.2">
      <c r="B59" s="8"/>
      <c r="C59" s="8"/>
      <c r="D59" s="8"/>
      <c r="E59" s="8"/>
    </row>
    <row r="60" spans="2:5" s="9" customFormat="1" x14ac:dyDescent="0.2">
      <c r="B60" s="8"/>
      <c r="C60" s="8"/>
      <c r="D60" s="8"/>
      <c r="E60" s="8"/>
    </row>
    <row r="61" spans="2:5" s="9" customFormat="1" x14ac:dyDescent="0.2">
      <c r="B61" s="8"/>
      <c r="C61" s="8"/>
      <c r="D61" s="8"/>
      <c r="E61" s="8"/>
    </row>
    <row r="62" spans="2:5" s="9" customFormat="1" x14ac:dyDescent="0.2">
      <c r="B62" s="8"/>
      <c r="C62" s="8"/>
      <c r="D62" s="8"/>
      <c r="E62" s="8"/>
    </row>
    <row r="63" spans="2:5" s="9" customFormat="1" x14ac:dyDescent="0.2">
      <c r="B63" s="8"/>
      <c r="C63" s="8"/>
      <c r="D63" s="8"/>
      <c r="E63" s="8"/>
    </row>
    <row r="64" spans="2:5" s="9" customFormat="1" x14ac:dyDescent="0.2">
      <c r="B64" s="8"/>
      <c r="C64" s="8"/>
      <c r="D64" s="8"/>
      <c r="E64" s="8"/>
    </row>
    <row r="65" spans="2:5" s="9" customFormat="1" x14ac:dyDescent="0.2">
      <c r="B65" s="8"/>
      <c r="C65" s="8"/>
      <c r="D65" s="8"/>
      <c r="E65" s="8"/>
    </row>
    <row r="66" spans="2:5" s="9" customFormat="1" x14ac:dyDescent="0.2">
      <c r="B66" s="8"/>
      <c r="C66" s="8"/>
      <c r="D66" s="8"/>
      <c r="E66" s="8"/>
    </row>
    <row r="67" spans="2:5" s="9" customFormat="1" x14ac:dyDescent="0.2">
      <c r="B67" s="8"/>
      <c r="C67" s="8"/>
      <c r="D67" s="8"/>
      <c r="E67" s="8"/>
    </row>
    <row r="68" spans="2:5" s="9" customFormat="1" x14ac:dyDescent="0.2">
      <c r="B68" s="8"/>
      <c r="C68" s="8"/>
      <c r="D68" s="8"/>
      <c r="E68" s="8"/>
    </row>
    <row r="69" spans="2:5" s="9" customFormat="1" x14ac:dyDescent="0.2">
      <c r="B69" s="8"/>
      <c r="C69" s="8"/>
      <c r="D69" s="8"/>
      <c r="E69" s="8"/>
    </row>
    <row r="70" spans="2:5" s="9" customFormat="1" x14ac:dyDescent="0.2">
      <c r="B70" s="8"/>
      <c r="C70" s="8"/>
      <c r="D70" s="8"/>
      <c r="E70" s="8"/>
    </row>
    <row r="71" spans="2:5" s="9" customFormat="1" x14ac:dyDescent="0.2">
      <c r="B71" s="8"/>
      <c r="C71" s="8"/>
      <c r="D71" s="8"/>
      <c r="E71" s="8"/>
    </row>
    <row r="72" spans="2:5" s="9" customFormat="1" x14ac:dyDescent="0.2">
      <c r="B72" s="8"/>
      <c r="C72" s="8"/>
      <c r="D72" s="8"/>
      <c r="E72" s="8"/>
    </row>
    <row r="73" spans="2:5" s="9" customFormat="1" x14ac:dyDescent="0.2">
      <c r="B73" s="8"/>
      <c r="C73" s="8"/>
      <c r="D73" s="8"/>
      <c r="E73" s="8"/>
    </row>
    <row r="74" spans="2:5" s="9" customFormat="1" x14ac:dyDescent="0.2">
      <c r="B74" s="8"/>
      <c r="C74" s="8"/>
      <c r="D74" s="8"/>
      <c r="E74" s="8"/>
    </row>
    <row r="75" spans="2:5" s="9" customFormat="1" x14ac:dyDescent="0.2">
      <c r="B75" s="8"/>
      <c r="C75" s="8"/>
      <c r="D75" s="8"/>
      <c r="E75" s="8"/>
    </row>
    <row r="76" spans="2:5" s="9" customFormat="1" x14ac:dyDescent="0.2">
      <c r="B76" s="8"/>
      <c r="C76" s="8"/>
      <c r="D76" s="8"/>
      <c r="E76" s="8"/>
    </row>
    <row r="77" spans="2:5" s="9" customFormat="1" x14ac:dyDescent="0.2">
      <c r="B77" s="8"/>
      <c r="C77" s="8"/>
      <c r="D77" s="8"/>
      <c r="E77" s="8"/>
    </row>
    <row r="78" spans="2:5" s="9" customFormat="1" x14ac:dyDescent="0.2">
      <c r="B78" s="8"/>
      <c r="C78" s="8"/>
      <c r="D78" s="8"/>
      <c r="E78" s="8"/>
    </row>
    <row r="79" spans="2:5" s="9" customFormat="1" x14ac:dyDescent="0.2">
      <c r="B79" s="8"/>
      <c r="C79" s="8"/>
      <c r="D79" s="8"/>
      <c r="E79" s="8"/>
    </row>
    <row r="80" spans="2:5" s="9" customFormat="1" x14ac:dyDescent="0.2">
      <c r="B80" s="8"/>
      <c r="C80" s="8"/>
      <c r="D80" s="8"/>
      <c r="E80" s="8"/>
    </row>
    <row r="81" spans="2:5" s="9" customFormat="1" x14ac:dyDescent="0.2">
      <c r="B81" s="8"/>
      <c r="C81" s="8"/>
      <c r="D81" s="8"/>
      <c r="E81" s="8"/>
    </row>
    <row r="82" spans="2:5" s="9" customFormat="1" x14ac:dyDescent="0.2">
      <c r="B82" s="8"/>
      <c r="C82" s="8"/>
      <c r="D82" s="8"/>
      <c r="E82" s="8"/>
    </row>
    <row r="83" spans="2:5" s="9" customFormat="1" x14ac:dyDescent="0.2">
      <c r="B83" s="8"/>
      <c r="C83" s="8"/>
      <c r="D83" s="8"/>
      <c r="E83" s="8"/>
    </row>
    <row r="84" spans="2:5" s="9" customFormat="1" x14ac:dyDescent="0.2">
      <c r="B84" s="8"/>
      <c r="C84" s="8"/>
      <c r="D84" s="8"/>
      <c r="E84" s="8"/>
    </row>
    <row r="85" spans="2:5" s="9" customFormat="1" x14ac:dyDescent="0.2">
      <c r="B85" s="8"/>
      <c r="C85" s="8"/>
      <c r="D85" s="8"/>
      <c r="E85" s="8"/>
    </row>
    <row r="86" spans="2:5" s="9" customFormat="1" x14ac:dyDescent="0.2">
      <c r="B86" s="8"/>
      <c r="C86" s="8"/>
      <c r="D86" s="8"/>
      <c r="E86" s="8"/>
    </row>
    <row r="87" spans="2:5" s="9" customFormat="1" x14ac:dyDescent="0.2">
      <c r="B87" s="8"/>
      <c r="C87" s="8"/>
      <c r="D87" s="8"/>
      <c r="E87" s="8"/>
    </row>
    <row r="88" spans="2:5" s="9" customFormat="1" x14ac:dyDescent="0.2">
      <c r="B88" s="8"/>
      <c r="C88" s="8"/>
      <c r="D88" s="8"/>
      <c r="E88" s="8"/>
    </row>
    <row r="89" spans="2:5" s="9" customFormat="1" x14ac:dyDescent="0.2">
      <c r="B89" s="8"/>
      <c r="C89" s="8"/>
      <c r="D89" s="8"/>
      <c r="E89" s="8"/>
    </row>
    <row r="90" spans="2:5" s="9" customFormat="1" x14ac:dyDescent="0.2">
      <c r="B90" s="8"/>
      <c r="C90" s="8"/>
      <c r="D90" s="8"/>
      <c r="E90" s="8"/>
    </row>
    <row r="91" spans="2:5" s="9" customFormat="1" x14ac:dyDescent="0.2">
      <c r="B91" s="8"/>
      <c r="C91" s="8"/>
      <c r="D91" s="8"/>
      <c r="E91" s="8"/>
    </row>
    <row r="92" spans="2:5" s="9" customFormat="1" x14ac:dyDescent="0.2">
      <c r="B92" s="8"/>
      <c r="C92" s="8"/>
      <c r="D92" s="8"/>
      <c r="E92" s="8"/>
    </row>
    <row r="93" spans="2:5" s="9" customFormat="1" x14ac:dyDescent="0.2">
      <c r="B93" s="8"/>
      <c r="C93" s="8"/>
      <c r="D93" s="8"/>
      <c r="E93" s="8"/>
    </row>
    <row r="94" spans="2:5" s="9" customFormat="1" x14ac:dyDescent="0.2">
      <c r="B94" s="8"/>
      <c r="C94" s="8"/>
      <c r="D94" s="8"/>
      <c r="E94" s="8"/>
    </row>
    <row r="95" spans="2:5" s="9" customFormat="1" x14ac:dyDescent="0.2">
      <c r="B95" s="8"/>
      <c r="C95" s="8"/>
      <c r="D95" s="8"/>
      <c r="E95" s="8"/>
    </row>
    <row r="96" spans="2:5" s="9" customFormat="1" x14ac:dyDescent="0.2">
      <c r="B96" s="8"/>
      <c r="C96" s="8"/>
      <c r="D96" s="8"/>
      <c r="E96" s="8"/>
    </row>
    <row r="97" spans="2:5" s="9" customFormat="1" x14ac:dyDescent="0.2">
      <c r="B97" s="8"/>
      <c r="C97" s="8"/>
      <c r="D97" s="8"/>
      <c r="E97" s="8"/>
    </row>
    <row r="98" spans="2:5" s="9" customFormat="1" x14ac:dyDescent="0.2">
      <c r="B98" s="8"/>
      <c r="C98" s="8"/>
      <c r="D98" s="8"/>
      <c r="E98" s="8"/>
    </row>
    <row r="99" spans="2:5" s="9" customFormat="1" x14ac:dyDescent="0.2">
      <c r="B99" s="8"/>
      <c r="C99" s="8"/>
      <c r="D99" s="8"/>
      <c r="E99" s="8"/>
    </row>
    <row r="100" spans="2:5" s="9" customFormat="1" x14ac:dyDescent="0.2">
      <c r="B100" s="8"/>
      <c r="C100" s="8"/>
      <c r="D100" s="8"/>
      <c r="E100" s="8"/>
    </row>
    <row r="101" spans="2:5" s="9" customFormat="1" x14ac:dyDescent="0.2">
      <c r="B101" s="8"/>
      <c r="C101" s="8"/>
      <c r="D101" s="8"/>
      <c r="E101" s="8"/>
    </row>
    <row r="102" spans="2:5" s="9" customFormat="1" x14ac:dyDescent="0.2">
      <c r="B102" s="8"/>
      <c r="C102" s="8"/>
      <c r="D102" s="8"/>
      <c r="E102" s="8"/>
    </row>
    <row r="103" spans="2:5" s="9" customFormat="1" x14ac:dyDescent="0.2">
      <c r="B103" s="8"/>
      <c r="C103" s="8"/>
      <c r="D103" s="8"/>
      <c r="E103" s="8"/>
    </row>
    <row r="104" spans="2:5" s="9" customFormat="1" x14ac:dyDescent="0.2">
      <c r="B104" s="8"/>
      <c r="C104" s="8"/>
      <c r="D104" s="8"/>
      <c r="E104" s="8"/>
    </row>
    <row r="105" spans="2:5" s="9" customFormat="1" x14ac:dyDescent="0.2">
      <c r="B105" s="8"/>
      <c r="C105" s="8"/>
      <c r="D105" s="8"/>
      <c r="E105" s="8"/>
    </row>
    <row r="106" spans="2:5" s="9" customFormat="1" x14ac:dyDescent="0.2">
      <c r="B106" s="8"/>
      <c r="C106" s="8"/>
      <c r="D106" s="8"/>
      <c r="E106" s="8"/>
    </row>
    <row r="107" spans="2:5" s="9" customFormat="1" x14ac:dyDescent="0.2">
      <c r="B107" s="8"/>
      <c r="C107" s="8"/>
      <c r="D107" s="8"/>
      <c r="E107" s="8"/>
    </row>
    <row r="108" spans="2:5" s="9" customFormat="1" x14ac:dyDescent="0.2">
      <c r="B108" s="8"/>
      <c r="C108" s="8"/>
      <c r="D108" s="8"/>
      <c r="E108" s="8"/>
    </row>
    <row r="109" spans="2:5" s="9" customFormat="1" x14ac:dyDescent="0.2">
      <c r="B109" s="8"/>
      <c r="C109" s="8"/>
      <c r="D109" s="8"/>
      <c r="E109" s="8"/>
    </row>
    <row r="110" spans="2:5" s="9" customFormat="1" x14ac:dyDescent="0.2">
      <c r="B110" s="8"/>
      <c r="C110" s="8"/>
      <c r="D110" s="8"/>
      <c r="E110" s="8"/>
    </row>
    <row r="111" spans="2:5" s="9" customFormat="1" x14ac:dyDescent="0.2">
      <c r="B111" s="8"/>
      <c r="C111" s="8"/>
      <c r="D111" s="8"/>
      <c r="E111" s="8"/>
    </row>
    <row r="112" spans="2:5" s="9" customFormat="1" x14ac:dyDescent="0.2">
      <c r="B112" s="8"/>
      <c r="C112" s="8"/>
      <c r="D112" s="8"/>
      <c r="E112" s="8"/>
    </row>
    <row r="113" spans="2:5" s="9" customFormat="1" x14ac:dyDescent="0.2">
      <c r="B113" s="8"/>
      <c r="C113" s="8"/>
      <c r="D113" s="8"/>
      <c r="E113" s="8"/>
    </row>
    <row r="114" spans="2:5" s="9" customFormat="1" x14ac:dyDescent="0.2">
      <c r="B114" s="8"/>
      <c r="C114" s="8"/>
      <c r="D114" s="8"/>
      <c r="E114" s="8"/>
    </row>
    <row r="115" spans="2:5" s="9" customFormat="1" x14ac:dyDescent="0.2">
      <c r="B115" s="8"/>
      <c r="C115" s="8"/>
      <c r="D115" s="8"/>
      <c r="E115" s="8"/>
    </row>
    <row r="116" spans="2:5" s="9" customFormat="1" x14ac:dyDescent="0.2">
      <c r="B116" s="8"/>
      <c r="C116" s="8"/>
      <c r="D116" s="8"/>
      <c r="E116" s="8"/>
    </row>
    <row r="117" spans="2:5" s="9" customFormat="1" x14ac:dyDescent="0.2">
      <c r="B117" s="8"/>
      <c r="C117" s="8"/>
      <c r="D117" s="8"/>
      <c r="E117" s="8"/>
    </row>
    <row r="118" spans="2:5" s="9" customFormat="1" x14ac:dyDescent="0.2">
      <c r="B118" s="8"/>
      <c r="C118" s="8"/>
      <c r="D118" s="8"/>
      <c r="E118" s="8"/>
    </row>
    <row r="119" spans="2:5" s="9" customFormat="1" x14ac:dyDescent="0.2">
      <c r="B119" s="8"/>
      <c r="C119" s="8"/>
      <c r="D119" s="8"/>
      <c r="E119" s="8"/>
    </row>
    <row r="120" spans="2:5" s="9" customFormat="1" x14ac:dyDescent="0.2">
      <c r="B120" s="8"/>
      <c r="C120" s="8"/>
      <c r="D120" s="8"/>
      <c r="E120" s="8"/>
    </row>
    <row r="121" spans="2:5" s="9" customFormat="1" x14ac:dyDescent="0.2">
      <c r="B121" s="8"/>
      <c r="C121" s="8"/>
      <c r="D121" s="8"/>
      <c r="E121" s="8"/>
    </row>
    <row r="122" spans="2:5" s="9" customFormat="1" x14ac:dyDescent="0.2">
      <c r="B122" s="8"/>
      <c r="C122" s="8"/>
      <c r="D122" s="8"/>
      <c r="E122" s="8"/>
    </row>
    <row r="123" spans="2:5" s="9" customFormat="1" x14ac:dyDescent="0.2">
      <c r="B123" s="8"/>
      <c r="C123" s="8"/>
      <c r="D123" s="8"/>
      <c r="E123" s="8"/>
    </row>
    <row r="124" spans="2:5" s="9" customFormat="1" x14ac:dyDescent="0.2">
      <c r="B124" s="8"/>
      <c r="C124" s="8"/>
      <c r="D124" s="8"/>
      <c r="E124" s="8"/>
    </row>
  </sheetData>
  <printOptions horizontalCentered="1"/>
  <pageMargins left="0" right="0" top="0.98425196850393704" bottom="0.98425196850393704" header="0.39370078740157483" footer="0.59055118110236227"/>
  <pageSetup paperSize="9" firstPageNumber="3" orientation="portrait" useFirstPageNumber="1" r:id="rId1"/>
  <headerFooter alignWithMargins="0">
    <oddHeader>&amp;C&amp;"Arial,Fed"&amp;11ASFALTARBEJDER AALBORG KOMMUNE 2017
ENTREPRISETILBUD - (skriv ikke alternative tilbud her)&amp;RSIDE &amp;P</oddHeader>
    <oddFooter>&amp;L&amp;"Arial,Fed"&amp;11Udbud&amp;C
&amp;G&amp;R&amp;"Arial,Fed"&amp;11Februar 2017</oddFooter>
  </headerFooter>
  <legacyDrawingHF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24"/>
  <sheetViews>
    <sheetView zoomScale="90" zoomScaleNormal="90" zoomScaleSheetLayoutView="100" workbookViewId="0">
      <selection activeCell="C8" sqref="C8:C20"/>
    </sheetView>
  </sheetViews>
  <sheetFormatPr defaultRowHeight="12.75" x14ac:dyDescent="0.2"/>
  <cols>
    <col min="1" max="1" width="0.85546875" style="6" customWidth="1"/>
    <col min="2" max="2" width="13.5703125" style="6" customWidth="1"/>
    <col min="3" max="3" width="44.28515625" style="6" customWidth="1"/>
    <col min="4" max="4" width="32.28515625" style="6" customWidth="1"/>
    <col min="5" max="5" width="6.28515625" style="6" customWidth="1"/>
    <col min="6" max="6" width="15.5703125" style="6" customWidth="1"/>
    <col min="7" max="16384" width="9.140625" style="6"/>
  </cols>
  <sheetData>
    <row r="1" spans="2:13" s="9" customFormat="1" ht="18" customHeight="1" thickTop="1" x14ac:dyDescent="0.2">
      <c r="B1" s="29" t="s">
        <v>27</v>
      </c>
      <c r="C1" s="30" t="s">
        <v>28</v>
      </c>
      <c r="D1" s="31" t="s">
        <v>29</v>
      </c>
      <c r="E1" s="19"/>
    </row>
    <row r="2" spans="2:13" s="9" customFormat="1" ht="18" customHeight="1" thickBot="1" x14ac:dyDescent="0.25">
      <c r="B2" s="32" t="s">
        <v>30</v>
      </c>
      <c r="C2" s="33"/>
      <c r="D2" s="34" t="s">
        <v>31</v>
      </c>
      <c r="E2" s="28"/>
      <c r="F2" s="28"/>
    </row>
    <row r="3" spans="2:13" s="9" customFormat="1" ht="22.5" customHeight="1" thickTop="1" x14ac:dyDescent="0.2">
      <c r="B3" s="68">
        <v>1</v>
      </c>
      <c r="C3" s="67" t="s">
        <v>65</v>
      </c>
      <c r="D3" s="69"/>
      <c r="E3" s="16"/>
      <c r="F3" s="16"/>
      <c r="G3" s="16"/>
      <c r="H3" s="16"/>
      <c r="I3" s="16"/>
      <c r="J3" s="70"/>
      <c r="K3" s="16"/>
      <c r="L3" s="16"/>
      <c r="M3" s="16"/>
    </row>
    <row r="4" spans="2:13" s="9" customFormat="1" ht="22.5" customHeight="1" x14ac:dyDescent="0.2">
      <c r="B4" s="71">
        <v>2</v>
      </c>
      <c r="C4" s="75" t="s">
        <v>66</v>
      </c>
      <c r="D4" s="72"/>
      <c r="E4" s="16"/>
      <c r="F4" s="16"/>
      <c r="G4" s="16"/>
      <c r="H4" s="16"/>
      <c r="I4" s="16"/>
      <c r="J4" s="70"/>
      <c r="K4" s="16"/>
      <c r="L4" s="16"/>
      <c r="M4" s="16"/>
    </row>
    <row r="5" spans="2:13" s="9" customFormat="1" ht="22.5" customHeight="1" x14ac:dyDescent="0.2">
      <c r="B5" s="71">
        <v>3</v>
      </c>
      <c r="C5" s="75" t="s">
        <v>37</v>
      </c>
      <c r="D5" s="72"/>
      <c r="E5" s="16"/>
      <c r="F5" s="16"/>
      <c r="G5" s="16"/>
      <c r="H5" s="16"/>
      <c r="I5" s="16"/>
      <c r="J5" s="70"/>
      <c r="K5" s="16"/>
      <c r="L5" s="16"/>
      <c r="M5" s="16"/>
    </row>
    <row r="6" spans="2:13" s="9" customFormat="1" ht="22.5" customHeight="1" x14ac:dyDescent="0.2">
      <c r="B6" s="71">
        <v>4</v>
      </c>
      <c r="C6" s="75" t="s">
        <v>67</v>
      </c>
      <c r="D6" s="72"/>
      <c r="E6" s="16"/>
      <c r="F6" s="16"/>
      <c r="G6" s="16"/>
      <c r="H6" s="16"/>
      <c r="I6" s="16"/>
      <c r="J6" s="70"/>
      <c r="K6" s="16"/>
      <c r="L6" s="16"/>
      <c r="M6" s="16"/>
    </row>
    <row r="7" spans="2:13" s="9" customFormat="1" ht="22.5" customHeight="1" x14ac:dyDescent="0.2">
      <c r="B7" s="71">
        <v>5</v>
      </c>
      <c r="C7" s="75" t="s">
        <v>32</v>
      </c>
      <c r="D7" s="72"/>
      <c r="E7" s="16"/>
      <c r="F7" s="16"/>
      <c r="G7" s="16"/>
      <c r="H7" s="16"/>
      <c r="I7" s="16"/>
      <c r="J7" s="70"/>
      <c r="K7" s="16"/>
      <c r="L7" s="16"/>
      <c r="M7" s="16"/>
    </row>
    <row r="8" spans="2:13" s="9" customFormat="1" ht="22.5" customHeight="1" x14ac:dyDescent="0.2">
      <c r="B8" s="71">
        <v>6</v>
      </c>
      <c r="C8" s="75" t="s">
        <v>84</v>
      </c>
      <c r="D8" s="72"/>
      <c r="E8" s="16"/>
      <c r="F8" s="16"/>
      <c r="G8" s="16"/>
      <c r="H8" s="16"/>
      <c r="I8" s="16"/>
      <c r="J8" s="70"/>
      <c r="K8" s="16"/>
      <c r="L8" s="16"/>
      <c r="M8" s="16"/>
    </row>
    <row r="9" spans="2:13" s="9" customFormat="1" ht="22.5" customHeight="1" x14ac:dyDescent="0.2">
      <c r="B9" s="71">
        <v>7</v>
      </c>
      <c r="C9" s="75" t="s">
        <v>68</v>
      </c>
      <c r="D9" s="72"/>
      <c r="E9" s="16"/>
      <c r="F9" s="16"/>
      <c r="G9" s="16"/>
      <c r="H9" s="16"/>
      <c r="I9" s="16"/>
      <c r="J9" s="70"/>
      <c r="K9" s="16"/>
      <c r="L9" s="16"/>
      <c r="M9" s="16"/>
    </row>
    <row r="10" spans="2:13" s="9" customFormat="1" ht="22.5" customHeight="1" x14ac:dyDescent="0.2">
      <c r="B10" s="71">
        <v>8</v>
      </c>
      <c r="C10" s="75" t="s">
        <v>38</v>
      </c>
      <c r="D10" s="72"/>
      <c r="E10" s="16"/>
      <c r="F10" s="16"/>
      <c r="G10" s="16"/>
      <c r="H10" s="16"/>
      <c r="I10" s="16"/>
      <c r="J10" s="70"/>
      <c r="K10" s="16"/>
      <c r="L10" s="16"/>
      <c r="M10" s="16"/>
    </row>
    <row r="11" spans="2:13" s="9" customFormat="1" ht="22.5" customHeight="1" x14ac:dyDescent="0.2">
      <c r="B11" s="71">
        <v>9</v>
      </c>
      <c r="C11" s="75" t="s">
        <v>69</v>
      </c>
      <c r="D11" s="72"/>
      <c r="E11" s="16"/>
      <c r="F11" s="16"/>
      <c r="G11" s="16"/>
      <c r="H11" s="16"/>
      <c r="I11" s="16"/>
      <c r="J11" s="70"/>
      <c r="K11" s="16"/>
      <c r="L11" s="16"/>
      <c r="M11" s="16"/>
    </row>
    <row r="12" spans="2:13" s="9" customFormat="1" ht="22.5" customHeight="1" x14ac:dyDescent="0.2">
      <c r="B12" s="71">
        <v>10</v>
      </c>
      <c r="C12" s="75" t="s">
        <v>70</v>
      </c>
      <c r="D12" s="72"/>
      <c r="E12" s="16"/>
      <c r="F12" s="16"/>
      <c r="G12" s="16"/>
      <c r="H12" s="16"/>
      <c r="I12" s="16"/>
      <c r="J12" s="70"/>
      <c r="K12" s="16"/>
      <c r="L12" s="16"/>
      <c r="M12" s="16"/>
    </row>
    <row r="13" spans="2:13" s="9" customFormat="1" ht="22.5" customHeight="1" x14ac:dyDescent="0.2">
      <c r="B13" s="71">
        <v>11</v>
      </c>
      <c r="C13" s="75" t="s">
        <v>71</v>
      </c>
      <c r="D13" s="72"/>
      <c r="E13" s="16"/>
      <c r="F13" s="16"/>
      <c r="G13" s="16"/>
      <c r="H13" s="16"/>
      <c r="I13" s="16"/>
      <c r="J13" s="70"/>
      <c r="K13" s="16"/>
      <c r="L13" s="16"/>
      <c r="M13" s="16"/>
    </row>
    <row r="14" spans="2:13" s="9" customFormat="1" ht="22.5" customHeight="1" x14ac:dyDescent="0.2">
      <c r="B14" s="71">
        <v>12</v>
      </c>
      <c r="C14" s="75" t="s">
        <v>33</v>
      </c>
      <c r="D14" s="72"/>
      <c r="E14" s="16"/>
      <c r="F14" s="16"/>
      <c r="G14" s="16"/>
      <c r="H14" s="16"/>
      <c r="I14" s="16"/>
      <c r="J14" s="70"/>
      <c r="K14" s="16"/>
      <c r="L14" s="16"/>
      <c r="M14" s="16"/>
    </row>
    <row r="15" spans="2:13" s="9" customFormat="1" ht="22.5" customHeight="1" x14ac:dyDescent="0.2">
      <c r="B15" s="71">
        <v>13</v>
      </c>
      <c r="C15" s="75" t="s">
        <v>72</v>
      </c>
      <c r="D15" s="72"/>
      <c r="E15" s="16"/>
      <c r="F15" s="16"/>
      <c r="G15" s="16"/>
      <c r="H15" s="16"/>
      <c r="I15" s="16"/>
      <c r="J15" s="70"/>
      <c r="K15" s="16"/>
      <c r="L15" s="16"/>
      <c r="M15" s="16"/>
    </row>
    <row r="16" spans="2:13" s="9" customFormat="1" ht="22.5" customHeight="1" x14ac:dyDescent="0.2">
      <c r="B16" s="71">
        <v>14</v>
      </c>
      <c r="C16" s="75" t="s">
        <v>73</v>
      </c>
      <c r="D16" s="72"/>
      <c r="E16" s="16"/>
      <c r="F16" s="16"/>
      <c r="G16" s="16"/>
      <c r="H16" s="16"/>
      <c r="I16" s="16"/>
      <c r="J16" s="70"/>
      <c r="K16" s="16"/>
      <c r="L16" s="16"/>
      <c r="M16" s="16"/>
    </row>
    <row r="17" spans="1:13" s="9" customFormat="1" ht="22.5" customHeight="1" x14ac:dyDescent="0.2">
      <c r="B17" s="71">
        <v>15</v>
      </c>
      <c r="C17" s="75" t="s">
        <v>74</v>
      </c>
      <c r="D17" s="72"/>
      <c r="E17" s="16"/>
      <c r="F17" s="16"/>
      <c r="G17" s="16"/>
      <c r="H17" s="16"/>
      <c r="I17" s="16"/>
      <c r="J17" s="70"/>
      <c r="K17" s="16"/>
      <c r="L17" s="16"/>
      <c r="M17" s="16"/>
    </row>
    <row r="18" spans="1:13" s="9" customFormat="1" ht="22.5" customHeight="1" x14ac:dyDescent="0.2">
      <c r="B18" s="71">
        <v>16</v>
      </c>
      <c r="C18" s="75" t="s">
        <v>75</v>
      </c>
      <c r="D18" s="72"/>
      <c r="E18" s="16"/>
      <c r="F18" s="16"/>
      <c r="G18" s="16"/>
      <c r="H18" s="16"/>
      <c r="I18" s="16"/>
      <c r="J18" s="70"/>
      <c r="K18" s="16"/>
      <c r="L18" s="16"/>
      <c r="M18" s="16"/>
    </row>
    <row r="19" spans="1:13" s="9" customFormat="1" ht="22.5" customHeight="1" x14ac:dyDescent="0.2">
      <c r="B19" s="71">
        <v>17</v>
      </c>
      <c r="C19" s="75" t="s">
        <v>76</v>
      </c>
      <c r="D19" s="72"/>
      <c r="E19" s="16"/>
      <c r="F19" s="16"/>
      <c r="G19" s="16"/>
      <c r="H19" s="16"/>
      <c r="I19" s="16"/>
      <c r="J19" s="70"/>
      <c r="K19" s="16"/>
      <c r="L19" s="16"/>
      <c r="M19" s="16"/>
    </row>
    <row r="20" spans="1:13" s="9" customFormat="1" ht="22.5" customHeight="1" x14ac:dyDescent="0.2">
      <c r="B20" s="71">
        <v>18</v>
      </c>
      <c r="C20" s="75" t="s">
        <v>39</v>
      </c>
      <c r="D20" s="72"/>
      <c r="E20" s="16"/>
      <c r="F20" s="16"/>
      <c r="G20" s="16"/>
      <c r="H20" s="16"/>
      <c r="I20" s="16"/>
      <c r="J20" s="70"/>
      <c r="K20" s="16"/>
      <c r="L20" s="16"/>
      <c r="M20" s="16"/>
    </row>
    <row r="21" spans="1:13" s="9" customFormat="1" ht="22.5" customHeight="1" x14ac:dyDescent="0.2">
      <c r="B21" s="71">
        <v>19</v>
      </c>
      <c r="C21" s="75" t="s">
        <v>77</v>
      </c>
      <c r="D21" s="72"/>
      <c r="E21" s="16"/>
      <c r="F21" s="16"/>
      <c r="G21" s="16"/>
      <c r="H21" s="16"/>
      <c r="I21" s="16"/>
      <c r="J21" s="70"/>
      <c r="K21" s="16"/>
      <c r="L21" s="16"/>
      <c r="M21" s="16"/>
    </row>
    <row r="22" spans="1:13" s="9" customFormat="1" ht="22.5" customHeight="1" thickBot="1" x14ac:dyDescent="0.25">
      <c r="B22" s="71">
        <v>20</v>
      </c>
      <c r="C22" s="73" t="s">
        <v>34</v>
      </c>
      <c r="D22" s="74"/>
      <c r="E22" s="16"/>
      <c r="F22" s="16"/>
      <c r="G22" s="16"/>
      <c r="H22" s="16"/>
      <c r="I22" s="16"/>
      <c r="J22" s="70"/>
      <c r="K22" s="16"/>
      <c r="L22" s="16"/>
      <c r="M22" s="16"/>
    </row>
    <row r="23" spans="1:13" s="9" customFormat="1" ht="22.5" customHeight="1" thickTop="1" x14ac:dyDescent="0.2">
      <c r="A23" s="6"/>
      <c r="B23" s="29"/>
      <c r="C23" s="36" t="s">
        <v>29</v>
      </c>
      <c r="D23" s="37"/>
      <c r="E23" s="19"/>
    </row>
    <row r="24" spans="1:13" ht="22.5" customHeight="1" x14ac:dyDescent="0.2">
      <c r="B24" s="38"/>
      <c r="C24" s="39" t="s">
        <v>35</v>
      </c>
      <c r="D24" s="35"/>
      <c r="E24" s="7"/>
    </row>
    <row r="25" spans="1:13" ht="22.5" customHeight="1" thickBot="1" x14ac:dyDescent="0.25">
      <c r="B25" s="40"/>
      <c r="C25" s="41" t="s">
        <v>36</v>
      </c>
      <c r="D25" s="42"/>
      <c r="E25" s="7"/>
    </row>
    <row r="26" spans="1:13" ht="14.25" customHeight="1" thickTop="1" x14ac:dyDescent="0.2">
      <c r="E26" s="7"/>
    </row>
    <row r="27" spans="1:13" ht="14.25" customHeight="1" x14ac:dyDescent="0.2">
      <c r="E27" s="7"/>
    </row>
    <row r="28" spans="1:13" ht="14.25" customHeight="1" x14ac:dyDescent="0.2">
      <c r="E28" s="7"/>
    </row>
    <row r="29" spans="1:13" ht="14.25" customHeight="1" x14ac:dyDescent="0.2">
      <c r="E29" s="7"/>
    </row>
    <row r="30" spans="1:13" ht="14.25" customHeight="1" x14ac:dyDescent="0.2">
      <c r="E30" s="7"/>
    </row>
    <row r="31" spans="1:13" ht="14.25" customHeight="1" x14ac:dyDescent="0.2">
      <c r="E31" s="7"/>
    </row>
    <row r="32" spans="1:13" ht="14.25" customHeight="1" x14ac:dyDescent="0.2">
      <c r="E32" s="7"/>
    </row>
    <row r="33" spans="2:6" ht="14.25" customHeight="1" x14ac:dyDescent="0.2">
      <c r="E33" s="7"/>
    </row>
    <row r="34" spans="2:6" ht="14.25" customHeight="1" x14ac:dyDescent="0.2">
      <c r="E34" s="7"/>
    </row>
    <row r="35" spans="2:6" ht="14.25" customHeight="1" x14ac:dyDescent="0.2">
      <c r="E35" s="7"/>
    </row>
    <row r="36" spans="2:6" ht="14.25" customHeight="1" x14ac:dyDescent="0.2">
      <c r="B36" s="66" t="s">
        <v>1</v>
      </c>
      <c r="C36" s="14" t="s">
        <v>2</v>
      </c>
      <c r="D36" s="22" t="s">
        <v>24</v>
      </c>
      <c r="E36" s="7"/>
    </row>
    <row r="37" spans="2:6" ht="14.1" customHeight="1" x14ac:dyDescent="0.2">
      <c r="B37" s="2"/>
      <c r="C37" s="2"/>
      <c r="D37" s="2"/>
      <c r="E37" s="7"/>
    </row>
    <row r="38" spans="2:6" s="9" customFormat="1" x14ac:dyDescent="0.2">
      <c r="B38" s="8"/>
      <c r="C38" s="8"/>
      <c r="D38" s="8"/>
      <c r="E38" s="7"/>
      <c r="F38" s="6"/>
    </row>
    <row r="39" spans="2:6" s="9" customFormat="1" x14ac:dyDescent="0.2">
      <c r="B39" s="8"/>
      <c r="C39" s="8"/>
      <c r="D39" s="8"/>
      <c r="E39" s="8"/>
    </row>
    <row r="40" spans="2:6" s="9" customFormat="1" x14ac:dyDescent="0.2">
      <c r="B40" s="8"/>
      <c r="C40" s="8"/>
      <c r="D40" s="8"/>
      <c r="E40" s="8"/>
    </row>
    <row r="41" spans="2:6" s="9" customFormat="1" x14ac:dyDescent="0.2">
      <c r="B41" s="8"/>
      <c r="C41" s="8"/>
      <c r="D41" s="8"/>
      <c r="E41" s="8"/>
    </row>
    <row r="42" spans="2:6" s="9" customFormat="1" x14ac:dyDescent="0.2">
      <c r="B42" s="8"/>
      <c r="C42" s="8"/>
      <c r="D42" s="8"/>
      <c r="E42" s="8"/>
    </row>
    <row r="43" spans="2:6" s="9" customFormat="1" x14ac:dyDescent="0.2">
      <c r="B43" s="8"/>
      <c r="C43" s="8"/>
      <c r="D43" s="8"/>
      <c r="E43" s="8"/>
    </row>
    <row r="44" spans="2:6" s="9" customFormat="1" x14ac:dyDescent="0.2">
      <c r="B44" s="8"/>
      <c r="C44" s="8"/>
      <c r="D44" s="8"/>
      <c r="E44" s="8"/>
    </row>
    <row r="45" spans="2:6" s="9" customFormat="1" x14ac:dyDescent="0.2">
      <c r="B45" s="8"/>
      <c r="C45" s="8"/>
      <c r="D45" s="8"/>
      <c r="E45" s="8"/>
    </row>
    <row r="46" spans="2:6" s="9" customFormat="1" x14ac:dyDescent="0.2">
      <c r="B46" s="8"/>
      <c r="C46" s="8"/>
      <c r="D46" s="8"/>
      <c r="E46" s="8"/>
    </row>
    <row r="47" spans="2:6" s="9" customFormat="1" x14ac:dyDescent="0.2">
      <c r="B47" s="8"/>
      <c r="C47" s="8"/>
      <c r="D47" s="8"/>
      <c r="E47" s="8"/>
    </row>
    <row r="48" spans="2:6" s="9" customFormat="1" x14ac:dyDescent="0.2">
      <c r="B48" s="8"/>
      <c r="C48" s="8"/>
      <c r="D48" s="8"/>
      <c r="E48" s="8"/>
    </row>
    <row r="49" spans="2:5" s="9" customFormat="1" x14ac:dyDescent="0.2">
      <c r="B49" s="8"/>
      <c r="C49" s="8"/>
      <c r="D49" s="8"/>
      <c r="E49" s="8"/>
    </row>
    <row r="50" spans="2:5" s="9" customFormat="1" x14ac:dyDescent="0.2">
      <c r="B50" s="8"/>
      <c r="C50" s="8"/>
      <c r="D50" s="8"/>
      <c r="E50" s="8"/>
    </row>
    <row r="51" spans="2:5" s="9" customFormat="1" x14ac:dyDescent="0.2">
      <c r="B51" s="8"/>
      <c r="C51" s="8"/>
      <c r="D51" s="8"/>
      <c r="E51" s="8"/>
    </row>
    <row r="52" spans="2:5" s="9" customFormat="1" x14ac:dyDescent="0.2">
      <c r="B52" s="8"/>
      <c r="C52" s="8"/>
      <c r="D52" s="8"/>
      <c r="E52" s="8"/>
    </row>
    <row r="53" spans="2:5" s="9" customFormat="1" x14ac:dyDescent="0.2">
      <c r="B53" s="8"/>
      <c r="C53" s="8"/>
      <c r="D53" s="8"/>
      <c r="E53" s="8"/>
    </row>
    <row r="54" spans="2:5" s="9" customFormat="1" x14ac:dyDescent="0.2">
      <c r="B54" s="8"/>
      <c r="C54" s="8"/>
      <c r="D54" s="8"/>
      <c r="E54" s="8"/>
    </row>
    <row r="55" spans="2:5" s="9" customFormat="1" x14ac:dyDescent="0.2">
      <c r="B55" s="8"/>
      <c r="C55" s="8"/>
      <c r="D55" s="8"/>
      <c r="E55" s="8"/>
    </row>
    <row r="56" spans="2:5" s="9" customFormat="1" x14ac:dyDescent="0.2">
      <c r="B56" s="8"/>
      <c r="C56" s="8"/>
      <c r="D56" s="8"/>
      <c r="E56" s="8"/>
    </row>
    <row r="57" spans="2:5" s="9" customFormat="1" x14ac:dyDescent="0.2">
      <c r="B57" s="8"/>
      <c r="C57" s="8"/>
      <c r="D57" s="8"/>
      <c r="E57" s="8"/>
    </row>
    <row r="58" spans="2:5" s="9" customFormat="1" x14ac:dyDescent="0.2">
      <c r="B58" s="8"/>
      <c r="C58" s="8"/>
      <c r="D58" s="8"/>
      <c r="E58" s="8"/>
    </row>
    <row r="59" spans="2:5" s="9" customFormat="1" x14ac:dyDescent="0.2">
      <c r="B59" s="8"/>
      <c r="C59" s="8"/>
      <c r="D59" s="8"/>
      <c r="E59" s="8"/>
    </row>
    <row r="60" spans="2:5" s="9" customFormat="1" x14ac:dyDescent="0.2">
      <c r="B60" s="8"/>
      <c r="C60" s="8"/>
      <c r="D60" s="8"/>
      <c r="E60" s="8"/>
    </row>
    <row r="61" spans="2:5" s="9" customFormat="1" x14ac:dyDescent="0.2">
      <c r="B61" s="8"/>
      <c r="C61" s="8"/>
      <c r="D61" s="8"/>
      <c r="E61" s="8"/>
    </row>
    <row r="62" spans="2:5" s="9" customFormat="1" x14ac:dyDescent="0.2">
      <c r="B62" s="8"/>
      <c r="C62" s="8"/>
      <c r="D62" s="8"/>
      <c r="E62" s="8"/>
    </row>
    <row r="63" spans="2:5" s="9" customFormat="1" x14ac:dyDescent="0.2">
      <c r="B63" s="8"/>
      <c r="C63" s="8"/>
      <c r="D63" s="8"/>
      <c r="E63" s="8"/>
    </row>
    <row r="64" spans="2:5" s="9" customFormat="1" x14ac:dyDescent="0.2">
      <c r="B64" s="8"/>
      <c r="C64" s="8"/>
      <c r="D64" s="8"/>
      <c r="E64" s="8"/>
    </row>
    <row r="65" spans="2:5" s="9" customFormat="1" x14ac:dyDescent="0.2">
      <c r="B65" s="8"/>
      <c r="C65" s="8"/>
      <c r="D65" s="8"/>
      <c r="E65" s="8"/>
    </row>
    <row r="66" spans="2:5" s="9" customFormat="1" x14ac:dyDescent="0.2">
      <c r="B66" s="8"/>
      <c r="C66" s="8"/>
      <c r="D66" s="8"/>
      <c r="E66" s="8"/>
    </row>
    <row r="67" spans="2:5" s="9" customFormat="1" x14ac:dyDescent="0.2">
      <c r="B67" s="8"/>
      <c r="C67" s="8"/>
      <c r="D67" s="8"/>
      <c r="E67" s="8"/>
    </row>
    <row r="68" spans="2:5" s="9" customFormat="1" x14ac:dyDescent="0.2">
      <c r="B68" s="8"/>
      <c r="C68" s="8"/>
      <c r="D68" s="8"/>
      <c r="E68" s="8"/>
    </row>
    <row r="69" spans="2:5" s="9" customFormat="1" x14ac:dyDescent="0.2">
      <c r="B69" s="8"/>
      <c r="C69" s="8"/>
      <c r="D69" s="8"/>
      <c r="E69" s="8"/>
    </row>
    <row r="70" spans="2:5" s="9" customFormat="1" x14ac:dyDescent="0.2">
      <c r="B70" s="8"/>
      <c r="C70" s="8"/>
      <c r="D70" s="8"/>
      <c r="E70" s="8"/>
    </row>
    <row r="71" spans="2:5" s="9" customFormat="1" x14ac:dyDescent="0.2">
      <c r="B71" s="8"/>
      <c r="C71" s="8"/>
      <c r="D71" s="8"/>
      <c r="E71" s="8"/>
    </row>
    <row r="72" spans="2:5" s="9" customFormat="1" x14ac:dyDescent="0.2">
      <c r="B72" s="8"/>
      <c r="C72" s="8"/>
      <c r="D72" s="8"/>
      <c r="E72" s="8"/>
    </row>
    <row r="73" spans="2:5" s="9" customFormat="1" x14ac:dyDescent="0.2">
      <c r="B73" s="8"/>
      <c r="C73" s="8"/>
      <c r="D73" s="8"/>
      <c r="E73" s="8"/>
    </row>
    <row r="74" spans="2:5" s="9" customFormat="1" x14ac:dyDescent="0.2">
      <c r="B74" s="8"/>
      <c r="C74" s="8"/>
      <c r="D74" s="8"/>
      <c r="E74" s="8"/>
    </row>
    <row r="75" spans="2:5" s="9" customFormat="1" x14ac:dyDescent="0.2">
      <c r="B75" s="8"/>
      <c r="C75" s="8"/>
      <c r="D75" s="8"/>
      <c r="E75" s="8"/>
    </row>
    <row r="76" spans="2:5" s="9" customFormat="1" x14ac:dyDescent="0.2">
      <c r="B76" s="8"/>
      <c r="C76" s="8"/>
      <c r="D76" s="8"/>
      <c r="E76" s="8"/>
    </row>
    <row r="77" spans="2:5" s="9" customFormat="1" x14ac:dyDescent="0.2">
      <c r="B77" s="8"/>
      <c r="C77" s="8"/>
      <c r="D77" s="8"/>
      <c r="E77" s="8"/>
    </row>
    <row r="78" spans="2:5" s="9" customFormat="1" x14ac:dyDescent="0.2">
      <c r="B78" s="8"/>
      <c r="C78" s="8"/>
      <c r="D78" s="8"/>
      <c r="E78" s="8"/>
    </row>
    <row r="79" spans="2:5" s="9" customFormat="1" x14ac:dyDescent="0.2">
      <c r="B79" s="8"/>
      <c r="C79" s="8"/>
      <c r="D79" s="8"/>
      <c r="E79" s="8"/>
    </row>
    <row r="80" spans="2:5" s="9" customFormat="1" x14ac:dyDescent="0.2">
      <c r="B80" s="8"/>
      <c r="C80" s="8"/>
      <c r="D80" s="8"/>
      <c r="E80" s="8"/>
    </row>
    <row r="81" spans="2:5" s="9" customFormat="1" x14ac:dyDescent="0.2">
      <c r="B81" s="8"/>
      <c r="C81" s="8"/>
      <c r="D81" s="8"/>
      <c r="E81" s="8"/>
    </row>
    <row r="82" spans="2:5" s="9" customFormat="1" x14ac:dyDescent="0.2">
      <c r="B82" s="8"/>
      <c r="C82" s="8"/>
      <c r="D82" s="8"/>
      <c r="E82" s="8"/>
    </row>
    <row r="83" spans="2:5" s="9" customFormat="1" x14ac:dyDescent="0.2">
      <c r="B83" s="8"/>
      <c r="C83" s="8"/>
      <c r="D83" s="8"/>
      <c r="E83" s="8"/>
    </row>
    <row r="84" spans="2:5" s="9" customFormat="1" x14ac:dyDescent="0.2">
      <c r="B84" s="8"/>
      <c r="C84" s="8"/>
      <c r="D84" s="8"/>
      <c r="E84" s="8"/>
    </row>
    <row r="85" spans="2:5" s="9" customFormat="1" x14ac:dyDescent="0.2">
      <c r="B85" s="8"/>
      <c r="C85" s="8"/>
      <c r="D85" s="8"/>
      <c r="E85" s="8"/>
    </row>
    <row r="86" spans="2:5" s="9" customFormat="1" x14ac:dyDescent="0.2">
      <c r="B86" s="8"/>
      <c r="C86" s="8"/>
      <c r="D86" s="8"/>
      <c r="E86" s="8"/>
    </row>
    <row r="87" spans="2:5" s="9" customFormat="1" x14ac:dyDescent="0.2">
      <c r="B87" s="8"/>
      <c r="C87" s="8"/>
      <c r="D87" s="8"/>
      <c r="E87" s="8"/>
    </row>
    <row r="88" spans="2:5" s="9" customFormat="1" x14ac:dyDescent="0.2">
      <c r="B88" s="8"/>
      <c r="C88" s="8"/>
      <c r="D88" s="8"/>
      <c r="E88" s="8"/>
    </row>
    <row r="89" spans="2:5" s="9" customFormat="1" x14ac:dyDescent="0.2">
      <c r="B89" s="8"/>
      <c r="C89" s="8"/>
      <c r="D89" s="8"/>
      <c r="E89" s="8"/>
    </row>
    <row r="90" spans="2:5" s="9" customFormat="1" x14ac:dyDescent="0.2">
      <c r="B90" s="8"/>
      <c r="C90" s="8"/>
      <c r="D90" s="8"/>
      <c r="E90" s="8"/>
    </row>
    <row r="91" spans="2:5" s="9" customFormat="1" x14ac:dyDescent="0.2">
      <c r="B91" s="8"/>
      <c r="C91" s="8"/>
      <c r="D91" s="8"/>
      <c r="E91" s="8"/>
    </row>
    <row r="92" spans="2:5" s="9" customFormat="1" x14ac:dyDescent="0.2">
      <c r="B92" s="8"/>
      <c r="C92" s="8"/>
      <c r="D92" s="8"/>
      <c r="E92" s="8"/>
    </row>
    <row r="93" spans="2:5" s="9" customFormat="1" x14ac:dyDescent="0.2">
      <c r="B93" s="8"/>
      <c r="C93" s="8"/>
      <c r="D93" s="8"/>
      <c r="E93" s="8"/>
    </row>
    <row r="94" spans="2:5" s="9" customFormat="1" x14ac:dyDescent="0.2">
      <c r="B94" s="8"/>
      <c r="C94" s="8"/>
      <c r="D94" s="8"/>
      <c r="E94" s="8"/>
    </row>
    <row r="95" spans="2:5" s="9" customFormat="1" x14ac:dyDescent="0.2">
      <c r="B95" s="8"/>
      <c r="C95" s="8"/>
      <c r="D95" s="8"/>
      <c r="E95" s="8"/>
    </row>
    <row r="96" spans="2:5" s="9" customFormat="1" x14ac:dyDescent="0.2">
      <c r="B96" s="8"/>
      <c r="C96" s="8"/>
      <c r="D96" s="8"/>
      <c r="E96" s="8"/>
    </row>
    <row r="97" spans="2:5" s="9" customFormat="1" x14ac:dyDescent="0.2">
      <c r="B97" s="8"/>
      <c r="C97" s="8"/>
      <c r="D97" s="8"/>
      <c r="E97" s="8"/>
    </row>
    <row r="98" spans="2:5" s="9" customFormat="1" x14ac:dyDescent="0.2">
      <c r="B98" s="8"/>
      <c r="C98" s="8"/>
      <c r="D98" s="8"/>
      <c r="E98" s="8"/>
    </row>
    <row r="99" spans="2:5" s="9" customFormat="1" x14ac:dyDescent="0.2">
      <c r="B99" s="8"/>
      <c r="C99" s="8"/>
      <c r="D99" s="8"/>
      <c r="E99" s="8"/>
    </row>
    <row r="100" spans="2:5" s="9" customFormat="1" x14ac:dyDescent="0.2">
      <c r="B100" s="8"/>
      <c r="C100" s="8"/>
      <c r="D100" s="8"/>
      <c r="E100" s="8"/>
    </row>
    <row r="101" spans="2:5" s="9" customFormat="1" x14ac:dyDescent="0.2">
      <c r="B101" s="8"/>
      <c r="C101" s="8"/>
      <c r="D101" s="8"/>
      <c r="E101" s="8"/>
    </row>
    <row r="102" spans="2:5" s="9" customFormat="1" x14ac:dyDescent="0.2">
      <c r="B102" s="8"/>
      <c r="C102" s="8"/>
      <c r="D102" s="8"/>
      <c r="E102" s="8"/>
    </row>
    <row r="103" spans="2:5" s="9" customFormat="1" x14ac:dyDescent="0.2">
      <c r="B103" s="8"/>
      <c r="C103" s="8"/>
      <c r="D103" s="8"/>
      <c r="E103" s="8"/>
    </row>
    <row r="104" spans="2:5" s="9" customFormat="1" x14ac:dyDescent="0.2">
      <c r="B104" s="8"/>
      <c r="C104" s="8"/>
      <c r="D104" s="8"/>
      <c r="E104" s="8"/>
    </row>
    <row r="105" spans="2:5" s="9" customFormat="1" x14ac:dyDescent="0.2">
      <c r="B105" s="8"/>
      <c r="C105" s="8"/>
      <c r="D105" s="8"/>
      <c r="E105" s="8"/>
    </row>
    <row r="106" spans="2:5" s="9" customFormat="1" x14ac:dyDescent="0.2">
      <c r="B106" s="8"/>
      <c r="C106" s="8"/>
      <c r="D106" s="8"/>
      <c r="E106" s="8"/>
    </row>
    <row r="107" spans="2:5" s="9" customFormat="1" x14ac:dyDescent="0.2">
      <c r="B107" s="8"/>
      <c r="C107" s="8"/>
      <c r="D107" s="8"/>
      <c r="E107" s="8"/>
    </row>
    <row r="108" spans="2:5" s="9" customFormat="1" x14ac:dyDescent="0.2">
      <c r="B108" s="8"/>
      <c r="C108" s="8"/>
      <c r="D108" s="8"/>
      <c r="E108" s="8"/>
    </row>
    <row r="109" spans="2:5" s="9" customFormat="1" x14ac:dyDescent="0.2">
      <c r="B109" s="8"/>
      <c r="C109" s="8"/>
      <c r="D109" s="8"/>
      <c r="E109" s="8"/>
    </row>
    <row r="110" spans="2:5" s="9" customFormat="1" x14ac:dyDescent="0.2">
      <c r="B110" s="8"/>
      <c r="C110" s="8"/>
      <c r="D110" s="8"/>
      <c r="E110" s="8"/>
    </row>
    <row r="111" spans="2:5" s="9" customFormat="1" x14ac:dyDescent="0.2">
      <c r="B111" s="8"/>
      <c r="C111" s="8"/>
      <c r="D111" s="8"/>
      <c r="E111" s="8"/>
    </row>
    <row r="112" spans="2:5" s="9" customFormat="1" x14ac:dyDescent="0.2">
      <c r="B112" s="8"/>
      <c r="C112" s="8"/>
      <c r="D112" s="8"/>
      <c r="E112" s="8"/>
    </row>
    <row r="113" spans="2:5" s="9" customFormat="1" x14ac:dyDescent="0.2">
      <c r="B113" s="8"/>
      <c r="C113" s="8"/>
      <c r="D113" s="8"/>
      <c r="E113" s="8"/>
    </row>
    <row r="114" spans="2:5" s="9" customFormat="1" x14ac:dyDescent="0.2">
      <c r="B114" s="8"/>
      <c r="C114" s="8"/>
      <c r="D114" s="8"/>
      <c r="E114" s="8"/>
    </row>
    <row r="115" spans="2:5" s="9" customFormat="1" x14ac:dyDescent="0.2">
      <c r="B115" s="8"/>
      <c r="C115" s="8"/>
      <c r="D115" s="8"/>
      <c r="E115" s="8"/>
    </row>
    <row r="116" spans="2:5" s="9" customFormat="1" x14ac:dyDescent="0.2">
      <c r="B116" s="8"/>
      <c r="C116" s="8"/>
      <c r="D116" s="8"/>
      <c r="E116" s="8"/>
    </row>
    <row r="117" spans="2:5" s="9" customFormat="1" x14ac:dyDescent="0.2">
      <c r="B117" s="8"/>
      <c r="C117" s="8"/>
      <c r="D117" s="8"/>
      <c r="E117" s="8"/>
    </row>
    <row r="118" spans="2:5" s="9" customFormat="1" x14ac:dyDescent="0.2">
      <c r="B118" s="8"/>
      <c r="C118" s="8"/>
      <c r="D118" s="8"/>
      <c r="E118" s="8"/>
    </row>
    <row r="119" spans="2:5" s="9" customFormat="1" x14ac:dyDescent="0.2">
      <c r="B119" s="8"/>
      <c r="C119" s="8"/>
      <c r="D119" s="8"/>
      <c r="E119" s="8"/>
    </row>
    <row r="120" spans="2:5" s="9" customFormat="1" x14ac:dyDescent="0.2">
      <c r="B120" s="8"/>
      <c r="C120" s="8"/>
      <c r="D120" s="8"/>
      <c r="E120" s="8"/>
    </row>
    <row r="121" spans="2:5" s="9" customFormat="1" x14ac:dyDescent="0.2">
      <c r="B121" s="8"/>
      <c r="C121" s="8"/>
      <c r="D121" s="8"/>
      <c r="E121" s="8"/>
    </row>
    <row r="122" spans="2:5" s="9" customFormat="1" x14ac:dyDescent="0.2">
      <c r="B122" s="8"/>
      <c r="C122" s="8"/>
      <c r="D122" s="8"/>
      <c r="E122" s="8"/>
    </row>
    <row r="123" spans="2:5" s="9" customFormat="1" x14ac:dyDescent="0.2">
      <c r="B123" s="8"/>
      <c r="C123" s="8"/>
      <c r="D123" s="8"/>
      <c r="E123" s="8"/>
    </row>
    <row r="124" spans="2:5" s="9" customFormat="1" x14ac:dyDescent="0.2">
      <c r="B124" s="8"/>
      <c r="C124" s="8"/>
      <c r="D124" s="8"/>
      <c r="E124" s="8"/>
    </row>
  </sheetData>
  <printOptions horizontalCentered="1"/>
  <pageMargins left="0" right="0" top="0.98425196850393704" bottom="0.98425196850393704" header="0.39370078740157483" footer="0.59055118110236227"/>
  <pageSetup paperSize="9" firstPageNumber="4" orientation="portrait" useFirstPageNumber="1" r:id="rId1"/>
  <headerFooter alignWithMargins="0">
    <oddHeader>&amp;C&amp;"Arial,Fed"&amp;11ASFALTARBEJDER AALBORG KOMMUNE 2017
ALTERNATIVE ENTREPRISETILBUD&amp;RSIDE &amp;P</oddHeader>
    <oddFooter>&amp;L&amp;"Arial,Fed"&amp;11Udbud&amp;C
&amp;G&amp;R&amp;"Arial,Fed"&amp;11Februar 2017</oddFooter>
  </headerFooter>
  <legacyDrawingHF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4"/>
  <sheetViews>
    <sheetView zoomScaleNormal="100" workbookViewId="0">
      <selection activeCell="I5" sqref="I4:I5"/>
    </sheetView>
  </sheetViews>
  <sheetFormatPr defaultRowHeight="12.75" x14ac:dyDescent="0.2"/>
  <cols>
    <col min="1" max="1" width="6.5703125" style="25" customWidth="1"/>
    <col min="2" max="2" width="53.5703125" style="26" customWidth="1"/>
    <col min="3" max="3" width="7.7109375" style="25" bestFit="1" customWidth="1"/>
    <col min="4" max="4" width="22.5703125" style="25" customWidth="1"/>
    <col min="5" max="5" width="9.140625" style="25"/>
    <col min="6" max="6" width="16.140625" style="25" customWidth="1"/>
    <col min="7" max="16384" width="9.140625" style="25"/>
  </cols>
  <sheetData>
    <row r="1" spans="1:4" s="24" customFormat="1" ht="49.5" customHeight="1" thickTop="1" x14ac:dyDescent="0.2">
      <c r="A1" s="62" t="s">
        <v>18</v>
      </c>
      <c r="B1" s="63" t="s">
        <v>22</v>
      </c>
      <c r="C1" s="64" t="s">
        <v>23</v>
      </c>
      <c r="D1" s="65" t="s">
        <v>20</v>
      </c>
    </row>
    <row r="2" spans="1:4" s="6" customFormat="1" ht="26.25" customHeight="1" x14ac:dyDescent="0.2">
      <c r="A2" s="43" t="s">
        <v>40</v>
      </c>
      <c r="B2" s="44" t="s">
        <v>41</v>
      </c>
      <c r="C2" s="45" t="s">
        <v>26</v>
      </c>
      <c r="D2" s="46"/>
    </row>
    <row r="3" spans="1:4" s="6" customFormat="1" ht="26.25" customHeight="1" x14ac:dyDescent="0.2">
      <c r="A3" s="43" t="s">
        <v>42</v>
      </c>
      <c r="B3" s="44" t="s">
        <v>43</v>
      </c>
      <c r="C3" s="45" t="s">
        <v>26</v>
      </c>
      <c r="D3" s="46"/>
    </row>
    <row r="4" spans="1:4" s="6" customFormat="1" ht="18.75" customHeight="1" x14ac:dyDescent="0.2">
      <c r="A4" s="81" t="s">
        <v>44</v>
      </c>
      <c r="B4" s="47" t="s">
        <v>45</v>
      </c>
      <c r="C4" s="84" t="s">
        <v>26</v>
      </c>
      <c r="D4" s="46"/>
    </row>
    <row r="5" spans="1:4" s="6" customFormat="1" ht="18.75" customHeight="1" x14ac:dyDescent="0.2">
      <c r="A5" s="82"/>
      <c r="B5" s="61" t="s">
        <v>46</v>
      </c>
      <c r="C5" s="85"/>
      <c r="D5" s="46"/>
    </row>
    <row r="6" spans="1:4" s="6" customFormat="1" ht="18.75" customHeight="1" x14ac:dyDescent="0.2">
      <c r="A6" s="82"/>
      <c r="B6" s="61" t="s">
        <v>47</v>
      </c>
      <c r="C6" s="85"/>
      <c r="D6" s="46"/>
    </row>
    <row r="7" spans="1:4" s="6" customFormat="1" ht="18.75" customHeight="1" x14ac:dyDescent="0.2">
      <c r="A7" s="82"/>
      <c r="B7" s="61" t="s">
        <v>48</v>
      </c>
      <c r="C7" s="85"/>
      <c r="D7" s="46"/>
    </row>
    <row r="8" spans="1:4" s="6" customFormat="1" ht="18.75" customHeight="1" x14ac:dyDescent="0.2">
      <c r="A8" s="83"/>
      <c r="B8" s="48" t="s">
        <v>49</v>
      </c>
      <c r="C8" s="86"/>
      <c r="D8" s="46"/>
    </row>
    <row r="9" spans="1:4" s="6" customFormat="1" ht="26.25" customHeight="1" x14ac:dyDescent="0.2">
      <c r="A9" s="43">
        <v>3</v>
      </c>
      <c r="B9" s="44" t="s">
        <v>60</v>
      </c>
      <c r="C9" s="45" t="s">
        <v>25</v>
      </c>
      <c r="D9" s="46"/>
    </row>
    <row r="10" spans="1:4" s="6" customFormat="1" ht="26.25" customHeight="1" x14ac:dyDescent="0.2">
      <c r="A10" s="43">
        <v>4</v>
      </c>
      <c r="B10" s="44" t="s">
        <v>61</v>
      </c>
      <c r="C10" s="45" t="s">
        <v>25</v>
      </c>
      <c r="D10" s="46"/>
    </row>
    <row r="11" spans="1:4" s="6" customFormat="1" ht="26.25" customHeight="1" x14ac:dyDescent="0.2">
      <c r="A11" s="43">
        <v>5</v>
      </c>
      <c r="B11" s="44" t="s">
        <v>62</v>
      </c>
      <c r="C11" s="45" t="s">
        <v>25</v>
      </c>
      <c r="D11" s="46"/>
    </row>
    <row r="12" spans="1:4" s="6" customFormat="1" ht="26.25" customHeight="1" x14ac:dyDescent="0.2">
      <c r="A12" s="43">
        <v>6</v>
      </c>
      <c r="B12" s="48" t="s">
        <v>63</v>
      </c>
      <c r="C12" s="45" t="s">
        <v>25</v>
      </c>
      <c r="D12" s="46"/>
    </row>
    <row r="13" spans="1:4" s="6" customFormat="1" ht="26.25" customHeight="1" x14ac:dyDescent="0.2">
      <c r="A13" s="43">
        <v>7</v>
      </c>
      <c r="B13" s="44" t="s">
        <v>64</v>
      </c>
      <c r="C13" s="45" t="s">
        <v>25</v>
      </c>
      <c r="D13" s="46"/>
    </row>
    <row r="14" spans="1:4" s="6" customFormat="1" ht="26.25" customHeight="1" x14ac:dyDescent="0.2">
      <c r="A14" s="43">
        <v>8</v>
      </c>
      <c r="B14" s="49" t="s">
        <v>50</v>
      </c>
      <c r="C14" s="45" t="s">
        <v>25</v>
      </c>
      <c r="D14" s="46"/>
    </row>
    <row r="15" spans="1:4" s="6" customFormat="1" ht="26.25" customHeight="1" x14ac:dyDescent="0.2">
      <c r="A15" s="43">
        <v>9</v>
      </c>
      <c r="B15" s="49" t="s">
        <v>51</v>
      </c>
      <c r="C15" s="45" t="s">
        <v>25</v>
      </c>
      <c r="D15" s="46"/>
    </row>
    <row r="16" spans="1:4" s="6" customFormat="1" ht="26.25" customHeight="1" x14ac:dyDescent="0.2">
      <c r="A16" s="43" t="s">
        <v>52</v>
      </c>
      <c r="B16" s="44" t="s">
        <v>53</v>
      </c>
      <c r="C16" s="45" t="s">
        <v>54</v>
      </c>
      <c r="D16" s="46"/>
    </row>
    <row r="17" spans="1:4" s="51" customFormat="1" ht="26.25" customHeight="1" x14ac:dyDescent="0.2">
      <c r="A17" s="43" t="s">
        <v>55</v>
      </c>
      <c r="B17" s="44" t="s">
        <v>56</v>
      </c>
      <c r="C17" s="45" t="s">
        <v>54</v>
      </c>
      <c r="D17" s="50"/>
    </row>
    <row r="18" spans="1:4" s="51" customFormat="1" ht="26.25" customHeight="1" x14ac:dyDescent="0.2">
      <c r="A18" s="52">
        <v>11</v>
      </c>
      <c r="B18" s="53" t="s">
        <v>57</v>
      </c>
      <c r="C18" s="54" t="s">
        <v>54</v>
      </c>
      <c r="D18" s="55"/>
    </row>
    <row r="19" spans="1:4" s="60" customFormat="1" ht="42" customHeight="1" thickBot="1" x14ac:dyDescent="0.25">
      <c r="A19" s="56">
        <v>12</v>
      </c>
      <c r="B19" s="57" t="s">
        <v>58</v>
      </c>
      <c r="C19" s="58" t="s">
        <v>54</v>
      </c>
      <c r="D19" s="59"/>
    </row>
    <row r="20" spans="1:4" ht="13.5" thickTop="1" x14ac:dyDescent="0.2"/>
    <row r="33" spans="1:4" s="51" customFormat="1" ht="14.25" customHeight="1" x14ac:dyDescent="0.2">
      <c r="A33" s="6"/>
      <c r="B33" s="6"/>
      <c r="C33" s="6"/>
      <c r="D33" s="6"/>
    </row>
    <row r="34" spans="1:4" s="51" customFormat="1" ht="14.25" customHeight="1" x14ac:dyDescent="0.2">
      <c r="A34" s="27" t="s">
        <v>1</v>
      </c>
      <c r="B34" s="14" t="s">
        <v>2</v>
      </c>
      <c r="C34" s="87" t="s">
        <v>24</v>
      </c>
      <c r="D34" s="87"/>
    </row>
  </sheetData>
  <dataConsolidate/>
  <mergeCells count="3">
    <mergeCell ref="A4:A8"/>
    <mergeCell ref="C4:C8"/>
    <mergeCell ref="C34:D34"/>
  </mergeCells>
  <printOptions horizontalCentered="1"/>
  <pageMargins left="0" right="0" top="1.1811023622047245" bottom="0.98425196850393704" header="0.39370078740157483" footer="0.59055118110236227"/>
  <pageSetup paperSize="9" firstPageNumber="5" orientation="portrait" useFirstPageNumber="1" r:id="rId1"/>
  <headerFooter alignWithMargins="0">
    <oddHeader>&amp;C&amp;"Arial,Fed"&amp;11ASFALTARBEJDER AALBORG KOMMUNE 2017
ENEHDSPRISER&amp;"Arial,Normal"
 &amp;RSIDE &amp;P</oddHeader>
    <oddFooter>&amp;L&amp;"Arial,Fed"&amp;14Udbud&amp;C
&amp;G&amp;R&amp;"Arial,Fed"&amp;14Februar 2017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Regneark</vt:lpstr>
      </vt:variant>
      <vt:variant>
        <vt:i4>5</vt:i4>
      </vt:variant>
      <vt:variant>
        <vt:lpstr>Navngivne områder</vt:lpstr>
      </vt:variant>
      <vt:variant>
        <vt:i4>10</vt:i4>
      </vt:variant>
    </vt:vector>
  </HeadingPairs>
  <TitlesOfParts>
    <vt:vector size="15" baseType="lpstr">
      <vt:lpstr>Forside</vt:lpstr>
      <vt:lpstr>Oplysninger</vt:lpstr>
      <vt:lpstr>Entreprisetilbud</vt:lpstr>
      <vt:lpstr>Entreprisetilbud alternativ</vt:lpstr>
      <vt:lpstr>Enhedspriser</vt:lpstr>
      <vt:lpstr>Enhedspriser!Print_Area</vt:lpstr>
      <vt:lpstr>Entreprisetilbud!Print_Area</vt:lpstr>
      <vt:lpstr>'Entreprisetilbud alternativ'!Print_Area</vt:lpstr>
      <vt:lpstr>Forside!Print_Area</vt:lpstr>
      <vt:lpstr>Oplysninger!Print_Area</vt:lpstr>
      <vt:lpstr>Enhedspriser!Udskriftsområde</vt:lpstr>
      <vt:lpstr>Entreprisetilbud!Udskriftsområde</vt:lpstr>
      <vt:lpstr>'Entreprisetilbud alternativ'!Udskriftsområde</vt:lpstr>
      <vt:lpstr>Forside!Udskriftsområde</vt:lpstr>
      <vt:lpstr>Oplysninger!Udskriftsområd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lbudslister 2015</dc:title>
  <dc:subject>Slidlag</dc:subject>
  <dc:creator>Lise Gansted-Mortensen</dc:creator>
  <cp:lastModifiedBy>Lise Gansted-Mortensen</cp:lastModifiedBy>
  <cp:lastPrinted>2017-02-17T06:24:02Z</cp:lastPrinted>
  <dcterms:created xsi:type="dcterms:W3CDTF">2010-01-29T09:21:51Z</dcterms:created>
  <dcterms:modified xsi:type="dcterms:W3CDTF">2017-02-17T06:24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LInviaDocumentId">
    <vt:lpwstr>{B2BF24C9-ABA8-42B8-95E3-5EE788DC43B9}</vt:lpwstr>
  </property>
  <property fmtid="{D5CDD505-2E9C-101B-9397-08002B2CF9AE}" pid="3" name="ICLInviaNewDocument">
    <vt:bool>false</vt:bool>
  </property>
  <property fmtid="{D5CDD505-2E9C-101B-9397-08002B2CF9AE}" pid="4" name="ICLInviaLocalDocument">
    <vt:bool>true</vt:bool>
  </property>
  <property fmtid="{D5CDD505-2E9C-101B-9397-08002B2CF9AE}" pid="5" name="ICLInviaTemplate">
    <vt:bool>false</vt:bool>
  </property>
  <property fmtid="{D5CDD505-2E9C-101B-9397-08002B2CF9AE}" pid="6" name="eDocWrapped">
    <vt:bool>true</vt:bool>
  </property>
  <property fmtid="{D5CDD505-2E9C-101B-9397-08002B2CF9AE}" pid="7" name="ICLInviaIsBeingSaved">
    <vt:bool>true</vt:bool>
  </property>
</Properties>
</file>